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3.xml" ContentType="application/vnd.openxmlformats-officedocument.presentationml.tags+xml"/>
  <Override PartName="/ppt/notesSlides/notesSlide10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15"/>
  </p:sldMasterIdLst>
  <p:notesMasterIdLst>
    <p:notesMasterId r:id="rId52"/>
  </p:notesMasterIdLst>
  <p:handoutMasterIdLst>
    <p:handoutMasterId r:id="rId53"/>
  </p:handoutMasterIdLst>
  <p:sldIdLst>
    <p:sldId id="322" r:id="rId16"/>
    <p:sldId id="312" r:id="rId17"/>
    <p:sldId id="414" r:id="rId18"/>
    <p:sldId id="386" r:id="rId19"/>
    <p:sldId id="387" r:id="rId20"/>
    <p:sldId id="390" r:id="rId21"/>
    <p:sldId id="392" r:id="rId22"/>
    <p:sldId id="391" r:id="rId23"/>
    <p:sldId id="404" r:id="rId24"/>
    <p:sldId id="375" r:id="rId25"/>
    <p:sldId id="379" r:id="rId26"/>
    <p:sldId id="382" r:id="rId27"/>
    <p:sldId id="380" r:id="rId28"/>
    <p:sldId id="385" r:id="rId29"/>
    <p:sldId id="384" r:id="rId30"/>
    <p:sldId id="374" r:id="rId31"/>
    <p:sldId id="405" r:id="rId32"/>
    <p:sldId id="389" r:id="rId33"/>
    <p:sldId id="396" r:id="rId34"/>
    <p:sldId id="397" r:id="rId35"/>
    <p:sldId id="398" r:id="rId36"/>
    <p:sldId id="399" r:id="rId37"/>
    <p:sldId id="402" r:id="rId38"/>
    <p:sldId id="403" r:id="rId39"/>
    <p:sldId id="400" r:id="rId40"/>
    <p:sldId id="409" r:id="rId41"/>
    <p:sldId id="406" r:id="rId42"/>
    <p:sldId id="407" r:id="rId43"/>
    <p:sldId id="410" r:id="rId44"/>
    <p:sldId id="411" r:id="rId45"/>
    <p:sldId id="413" r:id="rId46"/>
    <p:sldId id="415" r:id="rId47"/>
    <p:sldId id="416" r:id="rId48"/>
    <p:sldId id="417" r:id="rId49"/>
    <p:sldId id="351" r:id="rId50"/>
    <p:sldId id="378" r:id="rId51"/>
  </p:sldIdLst>
  <p:sldSz cx="12192000" cy="6858000"/>
  <p:notesSz cx="6858000" cy="9144000"/>
  <p:embeddedFontLst>
    <p:embeddedFont>
      <p:font typeface="DI Sans Office" panose="020B0604020202020204" charset="0"/>
      <p:regular r:id="rId54"/>
      <p:bold r:id="rId55"/>
      <p:italic r:id="rId56"/>
      <p:boldItalic r:id="rId57"/>
    </p:embeddedFont>
    <p:embeddedFont>
      <p:font typeface="DI Sans Office Black" panose="020B0604020202020204" charset="0"/>
      <p:bold r:id="rId58"/>
      <p:italic r:id="rId59"/>
      <p:boldItalic r:id="rId60"/>
    </p:embeddedFont>
    <p:embeddedFont>
      <p:font typeface="DI Serif Office" panose="020B0604020202020204" charset="0"/>
      <p:regular r:id="rId61"/>
      <p:bold r:id="rId62"/>
      <p:italic r:id="rId63"/>
      <p:boldItalic r:id="rId64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19900"/>
    <a:srgbClr val="F5F5F5"/>
    <a:srgbClr val="D0D0D0"/>
    <a:srgbClr val="BEBEBE"/>
    <a:srgbClr val="878787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EAA56E3-3118-4989-8AE4-D2915348A078}" v="1084" dt="2021-11-29T17:39:06.246"/>
    <p1510:client id="{5359F799-398A-42C1-9CB3-FE2205C1B5E2}" v="571" dt="2021-11-29T12:28:25.644"/>
    <p1510:client id="{BACCBC7C-532D-4EAE-86ED-ED6F9C830DDD}" v="1" dt="2021-11-29T19:41:11.342"/>
    <p1510:client id="{BE7A0207-30AB-445E-93F5-A450F5AD8565}" v="3024" dt="2021-11-29T14:05:50.177"/>
    <p1510:client id="{EEA2F681-9FFE-432B-AB0B-03BE5630DB34}" v="4194" dt="2021-11-29T17:35:29.506"/>
    <p1510:client id="{F1E792A0-B442-4CEA-B6E1-E475540933B5}" v="3028" dt="2021-11-29T16:55:11.69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4" d="100"/>
          <a:sy n="104" d="100"/>
        </p:scale>
        <p:origin x="114" y="13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11.xml"/><Relationship Id="rId21" Type="http://schemas.openxmlformats.org/officeDocument/2006/relationships/slide" Target="slides/slide6.xml"/><Relationship Id="rId42" Type="http://schemas.openxmlformats.org/officeDocument/2006/relationships/slide" Target="slides/slide27.xml"/><Relationship Id="rId47" Type="http://schemas.openxmlformats.org/officeDocument/2006/relationships/slide" Target="slides/slide32.xml"/><Relationship Id="rId63" Type="http://schemas.openxmlformats.org/officeDocument/2006/relationships/font" Target="fonts/font10.fntdata"/><Relationship Id="rId68" Type="http://schemas.openxmlformats.org/officeDocument/2006/relationships/tableStyles" Target="tableStyle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9" Type="http://schemas.openxmlformats.org/officeDocument/2006/relationships/slide" Target="slides/slide14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slide" Target="slides/slide17.xml"/><Relationship Id="rId37" Type="http://schemas.openxmlformats.org/officeDocument/2006/relationships/slide" Target="slides/slide22.xml"/><Relationship Id="rId40" Type="http://schemas.openxmlformats.org/officeDocument/2006/relationships/slide" Target="slides/slide25.xml"/><Relationship Id="rId45" Type="http://schemas.openxmlformats.org/officeDocument/2006/relationships/slide" Target="slides/slide30.xml"/><Relationship Id="rId53" Type="http://schemas.openxmlformats.org/officeDocument/2006/relationships/handoutMaster" Target="handoutMasters/handoutMaster1.xml"/><Relationship Id="rId58" Type="http://schemas.openxmlformats.org/officeDocument/2006/relationships/font" Target="fonts/font5.fntdata"/><Relationship Id="rId66" Type="http://schemas.openxmlformats.org/officeDocument/2006/relationships/viewProps" Target="viewProps.xml"/><Relationship Id="rId5" Type="http://schemas.openxmlformats.org/officeDocument/2006/relationships/customXml" Target="../customXml/item5.xml"/><Relationship Id="rId61" Type="http://schemas.openxmlformats.org/officeDocument/2006/relationships/font" Target="fonts/font8.fntdata"/><Relationship Id="rId19" Type="http://schemas.openxmlformats.org/officeDocument/2006/relationships/slide" Target="slides/slide4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slide" Target="slides/slide20.xml"/><Relationship Id="rId43" Type="http://schemas.openxmlformats.org/officeDocument/2006/relationships/slide" Target="slides/slide28.xml"/><Relationship Id="rId48" Type="http://schemas.openxmlformats.org/officeDocument/2006/relationships/slide" Target="slides/slide33.xml"/><Relationship Id="rId56" Type="http://schemas.openxmlformats.org/officeDocument/2006/relationships/font" Target="fonts/font3.fntdata"/><Relationship Id="rId64" Type="http://schemas.openxmlformats.org/officeDocument/2006/relationships/font" Target="fonts/font11.fntdata"/><Relationship Id="rId69" Type="http://schemas.microsoft.com/office/2016/11/relationships/changesInfo" Target="changesInfos/changesInfo1.xml"/><Relationship Id="rId8" Type="http://schemas.openxmlformats.org/officeDocument/2006/relationships/customXml" Target="../customXml/item8.xml"/><Relationship Id="rId51" Type="http://schemas.openxmlformats.org/officeDocument/2006/relationships/slide" Target="slides/slide36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slide" Target="slides/slide18.xml"/><Relationship Id="rId38" Type="http://schemas.openxmlformats.org/officeDocument/2006/relationships/slide" Target="slides/slide23.xml"/><Relationship Id="rId46" Type="http://schemas.openxmlformats.org/officeDocument/2006/relationships/slide" Target="slides/slide31.xml"/><Relationship Id="rId59" Type="http://schemas.openxmlformats.org/officeDocument/2006/relationships/font" Target="fonts/font6.fntdata"/><Relationship Id="rId67" Type="http://schemas.openxmlformats.org/officeDocument/2006/relationships/theme" Target="theme/theme1.xml"/><Relationship Id="rId20" Type="http://schemas.openxmlformats.org/officeDocument/2006/relationships/slide" Target="slides/slide5.xml"/><Relationship Id="rId41" Type="http://schemas.openxmlformats.org/officeDocument/2006/relationships/slide" Target="slides/slide26.xml"/><Relationship Id="rId54" Type="http://schemas.openxmlformats.org/officeDocument/2006/relationships/font" Target="fonts/font1.fntdata"/><Relationship Id="rId62" Type="http://schemas.openxmlformats.org/officeDocument/2006/relationships/font" Target="fonts/font9.fntdata"/><Relationship Id="rId70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openxmlformats.org/officeDocument/2006/relationships/slide" Target="slides/slide21.xml"/><Relationship Id="rId49" Type="http://schemas.openxmlformats.org/officeDocument/2006/relationships/slide" Target="slides/slide34.xml"/><Relationship Id="rId57" Type="http://schemas.openxmlformats.org/officeDocument/2006/relationships/font" Target="fonts/font4.fntdata"/><Relationship Id="rId10" Type="http://schemas.openxmlformats.org/officeDocument/2006/relationships/customXml" Target="../customXml/item10.xml"/><Relationship Id="rId31" Type="http://schemas.openxmlformats.org/officeDocument/2006/relationships/slide" Target="slides/slide16.xml"/><Relationship Id="rId44" Type="http://schemas.openxmlformats.org/officeDocument/2006/relationships/slide" Target="slides/slide29.xml"/><Relationship Id="rId52" Type="http://schemas.openxmlformats.org/officeDocument/2006/relationships/notesMaster" Target="notesMasters/notesMaster1.xml"/><Relationship Id="rId60" Type="http://schemas.openxmlformats.org/officeDocument/2006/relationships/font" Target="fonts/font7.fntdata"/><Relationship Id="rId65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39" Type="http://schemas.openxmlformats.org/officeDocument/2006/relationships/slide" Target="slides/slide24.xml"/><Relationship Id="rId34" Type="http://schemas.openxmlformats.org/officeDocument/2006/relationships/slide" Target="slides/slide19.xml"/><Relationship Id="rId50" Type="http://schemas.openxmlformats.org/officeDocument/2006/relationships/slide" Target="slides/slide35.xml"/><Relationship Id="rId55" Type="http://schemas.openxmlformats.org/officeDocument/2006/relationships/font" Target="fonts/font2.fntdata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æstebruger" providerId="Windows Live" clId="Web-{5359F799-398A-42C1-9CB3-FE2205C1B5E2}"/>
    <pc:docChg chg="addSld delSld modSld sldOrd">
      <pc:chgData name="Gæstebruger" userId="" providerId="Windows Live" clId="Web-{5359F799-398A-42C1-9CB3-FE2205C1B5E2}" dt="2021-11-29T12:28:25.644" v="519"/>
      <pc:docMkLst>
        <pc:docMk/>
      </pc:docMkLst>
      <pc:sldChg chg="modSp">
        <pc:chgData name="Gæstebruger" userId="" providerId="Windows Live" clId="Web-{5359F799-398A-42C1-9CB3-FE2205C1B5E2}" dt="2021-11-29T11:30:17.901" v="16" actId="20577"/>
        <pc:sldMkLst>
          <pc:docMk/>
          <pc:sldMk cId="463562986" sldId="312"/>
        </pc:sldMkLst>
        <pc:spChg chg="mod">
          <ac:chgData name="Gæstebruger" userId="" providerId="Windows Live" clId="Web-{5359F799-398A-42C1-9CB3-FE2205C1B5E2}" dt="2021-11-29T11:30:17.901" v="16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">
        <pc:chgData name="Gæstebruger" userId="" providerId="Windows Live" clId="Web-{5359F799-398A-42C1-9CB3-FE2205C1B5E2}" dt="2021-11-29T11:22:48.468" v="10" actId="20577"/>
        <pc:sldMkLst>
          <pc:docMk/>
          <pc:sldMk cId="1851013364" sldId="322"/>
        </pc:sldMkLst>
        <pc:spChg chg="mod">
          <ac:chgData name="Gæstebruger" userId="" providerId="Windows Live" clId="Web-{5359F799-398A-42C1-9CB3-FE2205C1B5E2}" dt="2021-11-29T11:22:48.468" v="10" actId="20577"/>
          <ac:spMkLst>
            <pc:docMk/>
            <pc:sldMk cId="1851013364" sldId="322"/>
            <ac:spMk id="5" creationId="{99CFC4BE-1985-5746-AAA8-2ADC4838957E}"/>
          </ac:spMkLst>
        </pc:spChg>
      </pc:sldChg>
      <pc:sldChg chg="modSp">
        <pc:chgData name="Gæstebruger" userId="" providerId="Windows Live" clId="Web-{5359F799-398A-42C1-9CB3-FE2205C1B5E2}" dt="2021-11-29T12:05:00.922" v="304" actId="20577"/>
        <pc:sldMkLst>
          <pc:docMk/>
          <pc:sldMk cId="2443623805" sldId="374"/>
        </pc:sldMkLst>
        <pc:spChg chg="mod">
          <ac:chgData name="Gæstebruger" userId="" providerId="Windows Live" clId="Web-{5359F799-398A-42C1-9CB3-FE2205C1B5E2}" dt="2021-11-29T12:05:00.922" v="304" actId="20577"/>
          <ac:spMkLst>
            <pc:docMk/>
            <pc:sldMk cId="2443623805" sldId="374"/>
            <ac:spMk id="11" creationId="{9AB046E7-81C0-4877-BE68-ED5956A974D1}"/>
          </ac:spMkLst>
        </pc:spChg>
      </pc:sldChg>
      <pc:sldChg chg="modSp mod modClrScheme chgLayout">
        <pc:chgData name="Gæstebruger" userId="" providerId="Windows Live" clId="Web-{5359F799-398A-42C1-9CB3-FE2205C1B5E2}" dt="2021-11-29T12:06:47.893" v="311" actId="20577"/>
        <pc:sldMkLst>
          <pc:docMk/>
          <pc:sldMk cId="1374049082" sldId="375"/>
        </pc:sldMkLst>
        <pc:spChg chg="mod ord">
          <ac:chgData name="Gæstebruger" userId="" providerId="Windows Live" clId="Web-{5359F799-398A-42C1-9CB3-FE2205C1B5E2}" dt="2021-11-29T12:06:47.893" v="311" actId="20577"/>
          <ac:spMkLst>
            <pc:docMk/>
            <pc:sldMk cId="1374049082" sldId="375"/>
            <ac:spMk id="2" creationId="{81809F37-B8BE-2C40-9150-1525BD212F3E}"/>
          </ac:spMkLst>
        </pc:spChg>
      </pc:sldChg>
      <pc:sldChg chg="addSp delSp modSp">
        <pc:chgData name="Gæstebruger" userId="" providerId="Windows Live" clId="Web-{5359F799-398A-42C1-9CB3-FE2205C1B5E2}" dt="2021-11-29T12:26:31.751" v="508" actId="1076"/>
        <pc:sldMkLst>
          <pc:docMk/>
          <pc:sldMk cId="2020136040" sldId="379"/>
        </pc:sldMkLst>
        <pc:spChg chg="add del">
          <ac:chgData name="Gæstebruger" userId="" providerId="Windows Live" clId="Web-{5359F799-398A-42C1-9CB3-FE2205C1B5E2}" dt="2021-11-29T11:38:29.914" v="27"/>
          <ac:spMkLst>
            <pc:docMk/>
            <pc:sldMk cId="2020136040" sldId="379"/>
            <ac:spMk id="4" creationId="{1E7C0C63-F39E-4DC3-8325-B6D8DF05F3EE}"/>
          </ac:spMkLst>
        </pc:spChg>
        <pc:spChg chg="add del">
          <ac:chgData name="Gæstebruger" userId="" providerId="Windows Live" clId="Web-{5359F799-398A-42C1-9CB3-FE2205C1B5E2}" dt="2021-11-29T12:25:50.578" v="501"/>
          <ac:spMkLst>
            <pc:docMk/>
            <pc:sldMk cId="2020136040" sldId="379"/>
            <ac:spMk id="12" creationId="{C415570E-B926-4BE8-8662-A96BF20FEDD8}"/>
          </ac:spMkLst>
        </pc:spChg>
        <pc:spChg chg="add del mod">
          <ac:chgData name="Gæstebruger" userId="" providerId="Windows Live" clId="Web-{5359F799-398A-42C1-9CB3-FE2205C1B5E2}" dt="2021-11-29T12:26:23.813" v="507"/>
          <ac:spMkLst>
            <pc:docMk/>
            <pc:sldMk cId="2020136040" sldId="379"/>
            <ac:spMk id="19" creationId="{14947CD9-DD1F-4FFB-AA59-96D451890023}"/>
          </ac:spMkLst>
        </pc:spChg>
        <pc:picChg chg="add del mod ord modCrop">
          <ac:chgData name="Gæstebruger" userId="" providerId="Windows Live" clId="Web-{5359F799-398A-42C1-9CB3-FE2205C1B5E2}" dt="2021-11-29T11:37:47.897" v="21"/>
          <ac:picMkLst>
            <pc:docMk/>
            <pc:sldMk cId="2020136040" sldId="379"/>
            <ac:picMk id="6" creationId="{294EE7CB-1807-40F0-8D0F-EB6CAB279D71}"/>
          </ac:picMkLst>
        </pc:picChg>
        <pc:picChg chg="add del mod ord modCrop">
          <ac:chgData name="Gæstebruger" userId="" providerId="Windows Live" clId="Web-{5359F799-398A-42C1-9CB3-FE2205C1B5E2}" dt="2021-11-29T11:38:12.194" v="23"/>
          <ac:picMkLst>
            <pc:docMk/>
            <pc:sldMk cId="2020136040" sldId="379"/>
            <ac:picMk id="7" creationId="{45519000-1A39-4F03-A740-223DA0438980}"/>
          </ac:picMkLst>
        </pc:picChg>
        <pc:picChg chg="add del mod ord modCrop">
          <ac:chgData name="Gæstebruger" userId="" providerId="Windows Live" clId="Web-{5359F799-398A-42C1-9CB3-FE2205C1B5E2}" dt="2021-11-29T11:38:29.914" v="27"/>
          <ac:picMkLst>
            <pc:docMk/>
            <pc:sldMk cId="2020136040" sldId="379"/>
            <ac:picMk id="8" creationId="{096404F0-DBE4-4096-A90F-6E11C8BBE60F}"/>
          </ac:picMkLst>
        </pc:picChg>
        <pc:picChg chg="add del">
          <ac:chgData name="Gæstebruger" userId="" providerId="Windows Live" clId="Web-{5359F799-398A-42C1-9CB3-FE2205C1B5E2}" dt="2021-11-29T11:38:28.304" v="26"/>
          <ac:picMkLst>
            <pc:docMk/>
            <pc:sldMk cId="2020136040" sldId="379"/>
            <ac:picMk id="10" creationId="{F1F47669-64D4-419F-92DE-4794E873394E}"/>
          </ac:picMkLst>
        </pc:picChg>
        <pc:picChg chg="add del mod ord modCrop">
          <ac:chgData name="Gæstebruger" userId="" providerId="Windows Live" clId="Web-{5359F799-398A-42C1-9CB3-FE2205C1B5E2}" dt="2021-11-29T12:25:46.297" v="500"/>
          <ac:picMkLst>
            <pc:docMk/>
            <pc:sldMk cId="2020136040" sldId="379"/>
            <ac:picMk id="11" creationId="{98A7A06D-2A27-415D-8EE5-269A57293853}"/>
          </ac:picMkLst>
        </pc:picChg>
        <pc:picChg chg="add del mod ord modCrop">
          <ac:chgData name="Gæstebruger" userId="" providerId="Windows Live" clId="Web-{5359F799-398A-42C1-9CB3-FE2205C1B5E2}" dt="2021-11-29T12:26:08.469" v="503"/>
          <ac:picMkLst>
            <pc:docMk/>
            <pc:sldMk cId="2020136040" sldId="379"/>
            <ac:picMk id="16" creationId="{ED1CA97A-427B-4E10-A45B-1701FC2E11BE}"/>
          </ac:picMkLst>
        </pc:picChg>
        <pc:picChg chg="add mod">
          <ac:chgData name="Gæstebruger" userId="" providerId="Windows Live" clId="Web-{5359F799-398A-42C1-9CB3-FE2205C1B5E2}" dt="2021-11-29T12:26:31.751" v="508" actId="1076"/>
          <ac:picMkLst>
            <pc:docMk/>
            <pc:sldMk cId="2020136040" sldId="379"/>
            <ac:picMk id="17" creationId="{A22AF8E0-5FDE-4343-ACD3-9629F2F58EEF}"/>
          </ac:picMkLst>
        </pc:picChg>
      </pc:sldChg>
      <pc:sldChg chg="addSp modSp">
        <pc:chgData name="Gæstebruger" userId="" providerId="Windows Live" clId="Web-{5359F799-398A-42C1-9CB3-FE2205C1B5E2}" dt="2021-11-29T12:28:25.644" v="519"/>
        <pc:sldMkLst>
          <pc:docMk/>
          <pc:sldMk cId="2559074575" sldId="384"/>
        </pc:sldMkLst>
        <pc:spChg chg="add mod">
          <ac:chgData name="Gæstebruger" userId="" providerId="Windows Live" clId="Web-{5359F799-398A-42C1-9CB3-FE2205C1B5E2}" dt="2021-11-29T12:28:16.128" v="518" actId="14100"/>
          <ac:spMkLst>
            <pc:docMk/>
            <pc:sldMk cId="2559074575" sldId="384"/>
            <ac:spMk id="3" creationId="{EA52E73A-D76F-468A-8A1A-3C23E6CE5493}"/>
          </ac:spMkLst>
        </pc:spChg>
        <pc:spChg chg="add">
          <ac:chgData name="Gæstebruger" userId="" providerId="Windows Live" clId="Web-{5359F799-398A-42C1-9CB3-FE2205C1B5E2}" dt="2021-11-29T12:28:25.644" v="519"/>
          <ac:spMkLst>
            <pc:docMk/>
            <pc:sldMk cId="2559074575" sldId="384"/>
            <ac:spMk id="4" creationId="{10BEBA1A-9588-45A6-A4E0-76E4A2BF64A6}"/>
          </ac:spMkLst>
        </pc:spChg>
        <pc:picChg chg="mod">
          <ac:chgData name="Gæstebruger" userId="" providerId="Windows Live" clId="Web-{5359F799-398A-42C1-9CB3-FE2205C1B5E2}" dt="2021-11-29T12:28:02.816" v="515" actId="1076"/>
          <ac:picMkLst>
            <pc:docMk/>
            <pc:sldMk cId="2559074575" sldId="384"/>
            <ac:picMk id="7" creationId="{B2F12667-829A-4855-B8E8-2779884FDB94}"/>
          </ac:picMkLst>
        </pc:picChg>
      </pc:sldChg>
      <pc:sldChg chg="modSp">
        <pc:chgData name="Gæstebruger" userId="" providerId="Windows Live" clId="Web-{5359F799-398A-42C1-9CB3-FE2205C1B5E2}" dt="2021-11-29T12:27:45.440" v="511" actId="1076"/>
        <pc:sldMkLst>
          <pc:docMk/>
          <pc:sldMk cId="3222186446" sldId="385"/>
        </pc:sldMkLst>
        <pc:picChg chg="mod">
          <ac:chgData name="Gæstebruger" userId="" providerId="Windows Live" clId="Web-{5359F799-398A-42C1-9CB3-FE2205C1B5E2}" dt="2021-11-29T12:27:45.440" v="511" actId="1076"/>
          <ac:picMkLst>
            <pc:docMk/>
            <pc:sldMk cId="3222186446" sldId="385"/>
            <ac:picMk id="6" creationId="{9214DF2A-16F7-4DD5-AEED-4EAE44E92E34}"/>
          </ac:picMkLst>
        </pc:picChg>
      </pc:sldChg>
      <pc:sldChg chg="modSp">
        <pc:chgData name="Gæstebruger" userId="" providerId="Windows Live" clId="Web-{5359F799-398A-42C1-9CB3-FE2205C1B5E2}" dt="2021-11-29T11:53:17.373" v="250" actId="20577"/>
        <pc:sldMkLst>
          <pc:docMk/>
          <pc:sldMk cId="2260296879" sldId="386"/>
        </pc:sldMkLst>
        <pc:spChg chg="mod">
          <ac:chgData name="Gæstebruger" userId="" providerId="Windows Live" clId="Web-{5359F799-398A-42C1-9CB3-FE2205C1B5E2}" dt="2021-11-29T11:53:17.373" v="250" actId="20577"/>
          <ac:spMkLst>
            <pc:docMk/>
            <pc:sldMk cId="2260296879" sldId="386"/>
            <ac:spMk id="3" creationId="{15DB4507-F2B8-4610-A847-DAF955119E7D}"/>
          </ac:spMkLst>
        </pc:spChg>
      </pc:sldChg>
      <pc:sldChg chg="modSp add ord replId">
        <pc:chgData name="Gæstebruger" userId="" providerId="Windows Live" clId="Web-{5359F799-398A-42C1-9CB3-FE2205C1B5E2}" dt="2021-11-29T11:30:31.714" v="19" actId="20577"/>
        <pc:sldMkLst>
          <pc:docMk/>
          <pc:sldMk cId="394097973" sldId="387"/>
        </pc:sldMkLst>
        <pc:spChg chg="mod">
          <ac:chgData name="Gæstebruger" userId="" providerId="Windows Live" clId="Web-{5359F799-398A-42C1-9CB3-FE2205C1B5E2}" dt="2021-11-29T11:30:31.714" v="19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new del">
        <pc:chgData name="Gæstebruger" userId="" providerId="Windows Live" clId="Web-{5359F799-398A-42C1-9CB3-FE2205C1B5E2}" dt="2021-11-29T12:05:36.657" v="308"/>
        <pc:sldMkLst>
          <pc:docMk/>
          <pc:sldMk cId="1631301895" sldId="388"/>
        </pc:sldMkLst>
      </pc:sldChg>
      <pc:sldChg chg="new">
        <pc:chgData name="Gæstebruger" userId="" providerId="Windows Live" clId="Web-{5359F799-398A-42C1-9CB3-FE2205C1B5E2}" dt="2021-11-29T12:05:42.392" v="309"/>
        <pc:sldMkLst>
          <pc:docMk/>
          <pc:sldMk cId="3042132553" sldId="389"/>
        </pc:sldMkLst>
      </pc:sldChg>
      <pc:sldChg chg="new del">
        <pc:chgData name="Gæstebruger" userId="" providerId="Windows Live" clId="Web-{5359F799-398A-42C1-9CB3-FE2205C1B5E2}" dt="2021-11-29T12:05:35.501" v="307"/>
        <pc:sldMkLst>
          <pc:docMk/>
          <pc:sldMk cId="3418806921" sldId="389"/>
        </pc:sldMkLst>
      </pc:sldChg>
      <pc:sldChg chg="addSp delSp modSp">
        <pc:chgData name="Gæstebruger" userId="" providerId="Windows Live" clId="Web-{5359F799-398A-42C1-9CB3-FE2205C1B5E2}" dt="2021-11-29T12:19:02.974" v="490" actId="20577"/>
        <pc:sldMkLst>
          <pc:docMk/>
          <pc:sldMk cId="2737437854" sldId="391"/>
        </pc:sldMkLst>
        <pc:spChg chg="mod">
          <ac:chgData name="Gæstebruger" userId="" providerId="Windows Live" clId="Web-{5359F799-398A-42C1-9CB3-FE2205C1B5E2}" dt="2021-11-29T12:19:02.974" v="490" actId="20577"/>
          <ac:spMkLst>
            <pc:docMk/>
            <pc:sldMk cId="2737437854" sldId="391"/>
            <ac:spMk id="3" creationId="{F3FBA9E0-E64F-405C-94B7-1499CE65EB9C}"/>
          </ac:spMkLst>
        </pc:spChg>
        <pc:spChg chg="add del">
          <ac:chgData name="Gæstebruger" userId="" providerId="Windows Live" clId="Web-{5359F799-398A-42C1-9CB3-FE2205C1B5E2}" dt="2021-11-29T12:11:09.494" v="346"/>
          <ac:spMkLst>
            <pc:docMk/>
            <pc:sldMk cId="2737437854" sldId="391"/>
            <ac:spMk id="7" creationId="{3667037C-AB98-412F-A4E5-8FD6BBC01A9E}"/>
          </ac:spMkLst>
        </pc:spChg>
      </pc:sldChg>
      <pc:sldChg chg="modSp">
        <pc:chgData name="Gæstebruger" userId="" providerId="Windows Live" clId="Web-{5359F799-398A-42C1-9CB3-FE2205C1B5E2}" dt="2021-11-29T12:22:42.245" v="496" actId="20577"/>
        <pc:sldMkLst>
          <pc:docMk/>
          <pc:sldMk cId="2586513603" sldId="392"/>
        </pc:sldMkLst>
        <pc:spChg chg="mod">
          <ac:chgData name="Gæstebruger" userId="" providerId="Windows Live" clId="Web-{5359F799-398A-42C1-9CB3-FE2205C1B5E2}" dt="2021-11-29T12:22:42.245" v="496" actId="20577"/>
          <ac:spMkLst>
            <pc:docMk/>
            <pc:sldMk cId="2586513603" sldId="392"/>
            <ac:spMk id="3" creationId="{218442C3-814F-44EC-9E79-0782FBB42238}"/>
          </ac:spMkLst>
        </pc:spChg>
      </pc:sldChg>
    </pc:docChg>
  </pc:docChgLst>
  <pc:docChgLst>
    <pc:chgData name="Gæstebruger" providerId="Windows Live" clId="Web-{F1E792A0-B442-4CEA-B6E1-E475540933B5}"/>
    <pc:docChg chg="addSld delSld modSld">
      <pc:chgData name="Gæstebruger" userId="" providerId="Windows Live" clId="Web-{F1E792A0-B442-4CEA-B6E1-E475540933B5}" dt="2021-11-29T16:55:11.690" v="2073" actId="20577"/>
      <pc:docMkLst>
        <pc:docMk/>
      </pc:docMkLst>
      <pc:sldChg chg="modSp">
        <pc:chgData name="Gæstebruger" userId="" providerId="Windows Live" clId="Web-{F1E792A0-B442-4CEA-B6E1-E475540933B5}" dt="2021-11-29T16:20:37.462" v="1586" actId="20577"/>
        <pc:sldMkLst>
          <pc:docMk/>
          <pc:sldMk cId="463562986" sldId="312"/>
        </pc:sldMkLst>
        <pc:spChg chg="mod">
          <ac:chgData name="Gæstebruger" userId="" providerId="Windows Live" clId="Web-{F1E792A0-B442-4CEA-B6E1-E475540933B5}" dt="2021-11-29T16:20:37.462" v="1586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 del">
        <pc:chgData name="Gæstebruger" userId="" providerId="Windows Live" clId="Web-{F1E792A0-B442-4CEA-B6E1-E475540933B5}" dt="2021-11-29T16:15:14.038" v="1549"/>
        <pc:sldMkLst>
          <pc:docMk/>
          <pc:sldMk cId="1323008965" sldId="334"/>
        </pc:sldMkLst>
        <pc:spChg chg="mod">
          <ac:chgData name="Gæstebruger" userId="" providerId="Windows Live" clId="Web-{F1E792A0-B442-4CEA-B6E1-E475540933B5}" dt="2021-11-29T12:44:45.305" v="137" actId="20577"/>
          <ac:spMkLst>
            <pc:docMk/>
            <pc:sldMk cId="1323008965" sldId="334"/>
            <ac:spMk id="2" creationId="{CA9EAE00-E06A-4CC2-BCAE-5752471BEAD5}"/>
          </ac:spMkLst>
        </pc:spChg>
        <pc:spChg chg="mod">
          <ac:chgData name="Gæstebruger" userId="" providerId="Windows Live" clId="Web-{F1E792A0-B442-4CEA-B6E1-E475540933B5}" dt="2021-11-29T12:46:24.088" v="287" actId="20577"/>
          <ac:spMkLst>
            <pc:docMk/>
            <pc:sldMk cId="1323008965" sldId="334"/>
            <ac:spMk id="3" creationId="{8CB8B8DB-B24E-47F8-8F69-A13D5263C6B5}"/>
          </ac:spMkLst>
        </pc:spChg>
      </pc:sldChg>
      <pc:sldChg chg="modSp">
        <pc:chgData name="Gæstebruger" userId="" providerId="Windows Live" clId="Web-{F1E792A0-B442-4CEA-B6E1-E475540933B5}" dt="2021-11-29T12:47:16.402" v="292" actId="20577"/>
        <pc:sldMkLst>
          <pc:docMk/>
          <pc:sldMk cId="2443623805" sldId="374"/>
        </pc:sldMkLst>
        <pc:spChg chg="mod">
          <ac:chgData name="Gæstebruger" userId="" providerId="Windows Live" clId="Web-{F1E792A0-B442-4CEA-B6E1-E475540933B5}" dt="2021-11-29T12:47:16.402" v="292" actId="20577"/>
          <ac:spMkLst>
            <pc:docMk/>
            <pc:sldMk cId="2443623805" sldId="374"/>
            <ac:spMk id="11" creationId="{9AB046E7-81C0-4877-BE68-ED5956A974D1}"/>
          </ac:spMkLst>
        </pc:spChg>
        <pc:grpChg chg="mod">
          <ac:chgData name="Gæstebruger" userId="" providerId="Windows Live" clId="Web-{F1E792A0-B442-4CEA-B6E1-E475540933B5}" dt="2021-11-29T12:33:10.542" v="104" actId="1076"/>
          <ac:grpSpMkLst>
            <pc:docMk/>
            <pc:sldMk cId="2443623805" sldId="374"/>
            <ac:grpSpMk id="13" creationId="{7EF8E92A-3DA4-4E4E-A655-1EEF15900294}"/>
          </ac:grpSpMkLst>
        </pc:grpChg>
      </pc:sldChg>
      <pc:sldChg chg="del">
        <pc:chgData name="Gæstebruger" userId="" providerId="Windows Live" clId="Web-{F1E792A0-B442-4CEA-B6E1-E475540933B5}" dt="2021-11-29T16:15:19.772" v="1550"/>
        <pc:sldMkLst>
          <pc:docMk/>
          <pc:sldMk cId="2204061719" sldId="376"/>
        </pc:sldMkLst>
      </pc:sldChg>
      <pc:sldChg chg="addSp delSp modSp mod modClrScheme chgLayout">
        <pc:chgData name="Gæstebruger" userId="" providerId="Windows Live" clId="Web-{F1E792A0-B442-4CEA-B6E1-E475540933B5}" dt="2021-11-29T13:28:22.744" v="934"/>
        <pc:sldMkLst>
          <pc:docMk/>
          <pc:sldMk cId="2726445192" sldId="378"/>
        </pc:sldMkLst>
        <pc:spChg chg="mod ord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2" creationId="{3536FFC5-6C8C-4F2C-9795-845AF6E144CA}"/>
          </ac:spMkLst>
        </pc:spChg>
        <pc:spChg chg="del mod ord">
          <ac:chgData name="Gæstebruger" userId="" providerId="Windows Live" clId="Web-{F1E792A0-B442-4CEA-B6E1-E475540933B5}" dt="2021-11-29T13:28:22.744" v="934"/>
          <ac:spMkLst>
            <pc:docMk/>
            <pc:sldMk cId="2726445192" sldId="378"/>
            <ac:spMk id="3" creationId="{F94590B7-FC74-43C2-8EC8-45D6D67ABE13}"/>
          </ac:spMkLst>
        </pc:spChg>
        <pc:spChg chg="del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4" creationId="{FC73BE43-3C6D-4D63-8EC4-73C514364D57}"/>
          </ac:spMkLst>
        </pc:spChg>
        <pc:spChg chg="mod ord">
          <ac:chgData name="Gæstebruger" userId="" providerId="Windows Live" clId="Web-{F1E792A0-B442-4CEA-B6E1-E475540933B5}" dt="2021-11-29T13:28:16.072" v="932"/>
          <ac:spMkLst>
            <pc:docMk/>
            <pc:sldMk cId="2726445192" sldId="378"/>
            <ac:spMk id="5" creationId="{1A15968B-F8B7-400D-80B7-0A139C47ABF3}"/>
          </ac:spMkLst>
        </pc:spChg>
        <pc:picChg chg="add mod ord">
          <ac:chgData name="Gæstebruger" userId="" providerId="Windows Live" clId="Web-{F1E792A0-B442-4CEA-B6E1-E475540933B5}" dt="2021-11-29T13:28:22.744" v="934"/>
          <ac:picMkLst>
            <pc:docMk/>
            <pc:sldMk cId="2726445192" sldId="378"/>
            <ac:picMk id="7" creationId="{951A6792-D596-4F6E-B444-AAFBD7995A3C}"/>
          </ac:picMkLst>
        </pc:picChg>
      </pc:sldChg>
      <pc:sldChg chg="addSp delSp modSp">
        <pc:chgData name="Gæstebruger" userId="" providerId="Windows Live" clId="Web-{F1E792A0-B442-4CEA-B6E1-E475540933B5}" dt="2021-11-29T13:03:35.920" v="739" actId="20577"/>
        <pc:sldMkLst>
          <pc:docMk/>
          <pc:sldMk cId="2559074575" sldId="384"/>
        </pc:sldMkLst>
        <pc:spChg chg="del">
          <ac:chgData name="Gæstebruger" userId="" providerId="Windows Live" clId="Web-{F1E792A0-B442-4CEA-B6E1-E475540933B5}" dt="2021-11-29T12:29:11.163" v="0"/>
          <ac:spMkLst>
            <pc:docMk/>
            <pc:sldMk cId="2559074575" sldId="384"/>
            <ac:spMk id="3" creationId="{EA52E73A-D76F-468A-8A1A-3C23E6CE5493}"/>
          </ac:spMkLst>
        </pc:spChg>
        <pc:spChg chg="del mod">
          <ac:chgData name="Gæstebruger" userId="" providerId="Windows Live" clId="Web-{F1E792A0-B442-4CEA-B6E1-E475540933B5}" dt="2021-11-29T12:47:49.949" v="338"/>
          <ac:spMkLst>
            <pc:docMk/>
            <pc:sldMk cId="2559074575" sldId="384"/>
            <ac:spMk id="4" creationId="{10BEBA1A-9588-45A6-A4E0-76E4A2BF64A6}"/>
          </ac:spMkLst>
        </pc:spChg>
        <pc:spChg chg="add del mod">
          <ac:chgData name="Gæstebruger" userId="" providerId="Windows Live" clId="Web-{F1E792A0-B442-4CEA-B6E1-E475540933B5}" dt="2021-11-29T12:33:33.543" v="110"/>
          <ac:spMkLst>
            <pc:docMk/>
            <pc:sldMk cId="2559074575" sldId="384"/>
            <ac:spMk id="6" creationId="{04999997-BC6B-4369-9297-8E78DDD4CF27}"/>
          </ac:spMkLst>
        </pc:spChg>
        <pc:spChg chg="add del mod">
          <ac:chgData name="Gæstebruger" userId="" providerId="Windows Live" clId="Web-{F1E792A0-B442-4CEA-B6E1-E475540933B5}" dt="2021-11-29T12:47:47.543" v="335"/>
          <ac:spMkLst>
            <pc:docMk/>
            <pc:sldMk cId="2559074575" sldId="384"/>
            <ac:spMk id="10" creationId="{34D9BD1D-8D47-41D9-9682-EA79F522F174}"/>
          </ac:spMkLst>
        </pc:spChg>
        <pc:spChg chg="add mod">
          <ac:chgData name="Gæstebruger" userId="" providerId="Windows Live" clId="Web-{F1E792A0-B442-4CEA-B6E1-E475540933B5}" dt="2021-11-29T13:03:35.920" v="739" actId="20577"/>
          <ac:spMkLst>
            <pc:docMk/>
            <pc:sldMk cId="2559074575" sldId="384"/>
            <ac:spMk id="12" creationId="{11BF1000-0CFE-4544-B472-157163CB90E7}"/>
          </ac:spMkLst>
        </pc:spChg>
        <pc:spChg chg="add">
          <ac:chgData name="Gæstebruger" userId="" providerId="Windows Live" clId="Web-{F1E792A0-B442-4CEA-B6E1-E475540933B5}" dt="2021-11-29T12:47:50.965" v="340"/>
          <ac:spMkLst>
            <pc:docMk/>
            <pc:sldMk cId="2559074575" sldId="384"/>
            <ac:spMk id="14" creationId="{86461869-0B7D-4D3B-87B2-99FA3882F8A9}"/>
          </ac:spMkLst>
        </pc:spChg>
      </pc:sldChg>
      <pc:sldChg chg="addSp delSp modSp">
        <pc:chgData name="Gæstebruger" userId="" providerId="Windows Live" clId="Web-{F1E792A0-B442-4CEA-B6E1-E475540933B5}" dt="2021-11-29T13:32:07.639" v="967"/>
        <pc:sldMkLst>
          <pc:docMk/>
          <pc:sldMk cId="3222186446" sldId="385"/>
        </pc:sldMkLst>
        <pc:spChg chg="add mod">
          <ac:chgData name="Gæstebruger" userId="" providerId="Windows Live" clId="Web-{F1E792A0-B442-4CEA-B6E1-E475540933B5}" dt="2021-11-29T13:04:43.562" v="740" actId="20577"/>
          <ac:spMkLst>
            <pc:docMk/>
            <pc:sldMk cId="3222186446" sldId="385"/>
            <ac:spMk id="3" creationId="{63783B4D-60CE-4B26-B177-4BBC4588F487}"/>
          </ac:spMkLst>
        </pc:spChg>
        <pc:spChg chg="add mod">
          <ac:chgData name="Gæstebruger" userId="" providerId="Windows Live" clId="Web-{F1E792A0-B442-4CEA-B6E1-E475540933B5}" dt="2021-11-29T12:42:35.740" v="120" actId="14100"/>
          <ac:spMkLst>
            <pc:docMk/>
            <pc:sldMk cId="3222186446" sldId="385"/>
            <ac:spMk id="4" creationId="{F438BE75-A30F-4BF4-BA7C-C4BD5986483C}"/>
          </ac:spMkLst>
        </pc:spChg>
        <pc:spChg chg="add del">
          <ac:chgData name="Gæstebruger" userId="" providerId="Windows Live" clId="Web-{F1E792A0-B442-4CEA-B6E1-E475540933B5}" dt="2021-11-29T12:34:18.716" v="119"/>
          <ac:spMkLst>
            <pc:docMk/>
            <pc:sldMk cId="3222186446" sldId="385"/>
            <ac:spMk id="9" creationId="{27285260-DADE-410D-8DBF-72082C4EE991}"/>
          </ac:spMkLst>
        </pc:spChg>
        <pc:spChg chg="add del mod">
          <ac:chgData name="Gæstebruger" userId="" providerId="Windows Live" clId="Web-{F1E792A0-B442-4CEA-B6E1-E475540933B5}" dt="2021-11-29T13:32:07.639" v="967"/>
          <ac:spMkLst>
            <pc:docMk/>
            <pc:sldMk cId="3222186446" sldId="385"/>
            <ac:spMk id="11" creationId="{D9CB7FDD-AA84-4FFF-94C1-367EBB0A07E9}"/>
          </ac:spMkLst>
        </pc:spChg>
        <pc:graphicFrameChg chg="add del mod">
          <ac:chgData name="Gæstebruger" userId="" providerId="Windows Live" clId="Web-{F1E792A0-B442-4CEA-B6E1-E475540933B5}" dt="2021-11-29T12:50:48.093" v="374"/>
          <ac:graphicFrameMkLst>
            <pc:docMk/>
            <pc:sldMk cId="3222186446" sldId="385"/>
            <ac:graphicFrameMk id="10" creationId="{905D90B9-121A-45AC-9923-3F68ED279F45}"/>
          </ac:graphicFrameMkLst>
        </pc:graphicFrameChg>
      </pc:sldChg>
      <pc:sldChg chg="modSp">
        <pc:chgData name="Gæstebruger" userId="" providerId="Windows Live" clId="Web-{F1E792A0-B442-4CEA-B6E1-E475540933B5}" dt="2021-11-29T16:20:25.712" v="1579" actId="20577"/>
        <pc:sldMkLst>
          <pc:docMk/>
          <pc:sldMk cId="394097973" sldId="387"/>
        </pc:sldMkLst>
        <pc:spChg chg="mod">
          <ac:chgData name="Gæstebruger" userId="" providerId="Windows Live" clId="Web-{F1E792A0-B442-4CEA-B6E1-E475540933B5}" dt="2021-11-29T16:20:25.712" v="1579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add del replId">
        <pc:chgData name="Gæstebruger" userId="" providerId="Windows Live" clId="Web-{F1E792A0-B442-4CEA-B6E1-E475540933B5}" dt="2021-11-29T12:33:05.574" v="102"/>
        <pc:sldMkLst>
          <pc:docMk/>
          <pc:sldMk cId="3582713062" sldId="393"/>
        </pc:sldMkLst>
      </pc:sldChg>
      <pc:sldChg chg="modSp">
        <pc:chgData name="Gæstebruger" userId="" providerId="Windows Live" clId="Web-{F1E792A0-B442-4CEA-B6E1-E475540933B5}" dt="2021-11-29T13:11:22.241" v="785" actId="20577"/>
        <pc:sldMkLst>
          <pc:docMk/>
          <pc:sldMk cId="876624690" sldId="396"/>
        </pc:sldMkLst>
        <pc:spChg chg="mod">
          <ac:chgData name="Gæstebruger" userId="" providerId="Windows Live" clId="Web-{F1E792A0-B442-4CEA-B6E1-E475540933B5}" dt="2021-11-29T13:11:22.241" v="785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addSp delSp modSp new">
        <pc:chgData name="Gæstebruger" userId="" providerId="Windows Live" clId="Web-{F1E792A0-B442-4CEA-B6E1-E475540933B5}" dt="2021-11-29T13:31:17.013" v="963"/>
        <pc:sldMkLst>
          <pc:docMk/>
          <pc:sldMk cId="1148865772" sldId="397"/>
        </pc:sldMkLst>
        <pc:spChg chg="mod">
          <ac:chgData name="Gæstebruger" userId="" providerId="Windows Live" clId="Web-{F1E792A0-B442-4CEA-B6E1-E475540933B5}" dt="2021-11-29T13:11:44.898" v="808" actId="20577"/>
          <ac:spMkLst>
            <pc:docMk/>
            <pc:sldMk cId="1148865772" sldId="397"/>
            <ac:spMk id="2" creationId="{0D84573E-E917-4FFF-9C88-13B53795538C}"/>
          </ac:spMkLst>
        </pc:spChg>
        <pc:spChg chg="mod">
          <ac:chgData name="Gæstebruger" userId="" providerId="Windows Live" clId="Web-{F1E792A0-B442-4CEA-B6E1-E475540933B5}" dt="2021-11-29T13:30:25.325" v="936" actId="20577"/>
          <ac:spMkLst>
            <pc:docMk/>
            <pc:sldMk cId="1148865772" sldId="397"/>
            <ac:spMk id="3" creationId="{72E744E1-DC70-4518-B004-3D5F545E22F0}"/>
          </ac:spMkLst>
        </pc:spChg>
        <pc:spChg chg="mod">
          <ac:chgData name="Gæstebruger" userId="" providerId="Windows Live" clId="Web-{F1E792A0-B442-4CEA-B6E1-E475540933B5}" dt="2021-11-29T13:31:08.122" v="961" actId="20577"/>
          <ac:spMkLst>
            <pc:docMk/>
            <pc:sldMk cId="1148865772" sldId="397"/>
            <ac:spMk id="5" creationId="{9A9136CF-5D3E-433A-B512-59D1571A55F9}"/>
          </ac:spMkLst>
        </pc:spChg>
        <pc:spChg chg="add del mod">
          <ac:chgData name="Gæstebruger" userId="" providerId="Windows Live" clId="Web-{F1E792A0-B442-4CEA-B6E1-E475540933B5}" dt="2021-11-29T13:30:47.325" v="939"/>
          <ac:spMkLst>
            <pc:docMk/>
            <pc:sldMk cId="1148865772" sldId="397"/>
            <ac:spMk id="10" creationId="{63DF97AD-92BF-4127-BD85-C982D4200AEA}"/>
          </ac:spMkLst>
        </pc:spChg>
        <pc:spChg chg="add del mod">
          <ac:chgData name="Gæstebruger" userId="" providerId="Windows Live" clId="Web-{F1E792A0-B442-4CEA-B6E1-E475540933B5}" dt="2021-11-29T13:31:17.013" v="963"/>
          <ac:spMkLst>
            <pc:docMk/>
            <pc:sldMk cId="1148865772" sldId="397"/>
            <ac:spMk id="11" creationId="{DC8CC8C4-FA09-42DD-8F2C-3CAEE3526CBC}"/>
          </ac:spMkLst>
        </pc:spChg>
        <pc:picChg chg="add del mod">
          <ac:chgData name="Gæstebruger" userId="" providerId="Windows Live" clId="Web-{F1E792A0-B442-4CEA-B6E1-E475540933B5}" dt="2021-11-29T13:12:45.149" v="813"/>
          <ac:picMkLst>
            <pc:docMk/>
            <pc:sldMk cId="1148865772" sldId="397"/>
            <ac:picMk id="7" creationId="{262AA1CD-2888-4C25-932D-3949A20DC37C}"/>
          </ac:picMkLst>
        </pc:picChg>
        <pc:picChg chg="add mod">
          <ac:chgData name="Gæstebruger" userId="" providerId="Windows Live" clId="Web-{F1E792A0-B442-4CEA-B6E1-E475540933B5}" dt="2021-11-29T13:12:57.712" v="816" actId="1076"/>
          <ac:picMkLst>
            <pc:docMk/>
            <pc:sldMk cId="1148865772" sldId="397"/>
            <ac:picMk id="9" creationId="{8C042A91-11FF-4A53-8A3D-B4B30C89A550}"/>
          </ac:picMkLst>
        </pc:picChg>
      </pc:sldChg>
      <pc:sldChg chg="addSp modSp">
        <pc:chgData name="Gæstebruger" userId="" providerId="Windows Live" clId="Web-{F1E792A0-B442-4CEA-B6E1-E475540933B5}" dt="2021-11-29T13:32:23.389" v="974" actId="1076"/>
        <pc:sldMkLst>
          <pc:docMk/>
          <pc:sldMk cId="1108926395" sldId="398"/>
        </pc:sldMkLst>
        <pc:spChg chg="add mod">
          <ac:chgData name="Gæstebruger" userId="" providerId="Windows Live" clId="Web-{F1E792A0-B442-4CEA-B6E1-E475540933B5}" dt="2021-11-29T13:32:23.389" v="974" actId="1076"/>
          <ac:spMkLst>
            <pc:docMk/>
            <pc:sldMk cId="1108926395" sldId="398"/>
            <ac:spMk id="6" creationId="{340119BF-4AAB-4970-9F31-7E5230A0E1E2}"/>
          </ac:spMkLst>
        </pc:spChg>
        <pc:spChg chg="add mod">
          <ac:chgData name="Gæstebruger" userId="" providerId="Windows Live" clId="Web-{F1E792A0-B442-4CEA-B6E1-E475540933B5}" dt="2021-11-29T13:32:23.389" v="973" actId="1076"/>
          <ac:spMkLst>
            <pc:docMk/>
            <pc:sldMk cId="1108926395" sldId="398"/>
            <ac:spMk id="11" creationId="{B15CBFAB-C299-4E0E-8C0E-3107D105B543}"/>
          </ac:spMkLst>
        </pc:spChg>
        <pc:picChg chg="mod">
          <ac:chgData name="Gæstebruger" userId="" providerId="Windows Live" clId="Web-{F1E792A0-B442-4CEA-B6E1-E475540933B5}" dt="2021-11-29T13:32:15.327" v="968" actId="1076"/>
          <ac:picMkLst>
            <pc:docMk/>
            <pc:sldMk cId="1108926395" sldId="398"/>
            <ac:picMk id="7" creationId="{9A84947E-D315-436E-A8DB-5A129871112C}"/>
          </ac:picMkLst>
        </pc:picChg>
      </pc:sldChg>
      <pc:sldChg chg="addSp delSp modSp new">
        <pc:chgData name="Gæstebruger" userId="" providerId="Windows Live" clId="Web-{F1E792A0-B442-4CEA-B6E1-E475540933B5}" dt="2021-11-29T13:53:44.179" v="1165" actId="20577"/>
        <pc:sldMkLst>
          <pc:docMk/>
          <pc:sldMk cId="2150046901" sldId="399"/>
        </pc:sldMkLst>
        <pc:spChg chg="mod">
          <ac:chgData name="Gæstebruger" userId="" providerId="Windows Live" clId="Web-{F1E792A0-B442-4CEA-B6E1-E475540933B5}" dt="2021-11-29T13:52:09.349" v="1149" actId="20577"/>
          <ac:spMkLst>
            <pc:docMk/>
            <pc:sldMk cId="2150046901" sldId="399"/>
            <ac:spMk id="2" creationId="{BBB3C987-8E18-45B1-8313-28874E888C7F}"/>
          </ac:spMkLst>
        </pc:spChg>
        <pc:spChg chg="del">
          <ac:chgData name="Gæstebruger" userId="" providerId="Windows Live" clId="Web-{F1E792A0-B442-4CEA-B6E1-E475540933B5}" dt="2021-11-29T13:45:59.358" v="992"/>
          <ac:spMkLst>
            <pc:docMk/>
            <pc:sldMk cId="2150046901" sldId="399"/>
            <ac:spMk id="3" creationId="{E65E921B-0AB3-4265-A80D-DEF558787284}"/>
          </ac:spMkLst>
        </pc:spChg>
        <pc:spChg chg="del">
          <ac:chgData name="Gæstebruger" userId="" providerId="Windows Live" clId="Web-{F1E792A0-B442-4CEA-B6E1-E475540933B5}" dt="2021-11-29T13:48:02.313" v="1025"/>
          <ac:spMkLst>
            <pc:docMk/>
            <pc:sldMk cId="2150046901" sldId="399"/>
            <ac:spMk id="4" creationId="{585E9F61-6778-4758-9368-39C738F6F61C}"/>
          </ac:spMkLst>
        </pc:spChg>
        <pc:spChg chg="add mod">
          <ac:chgData name="Gæstebruger" userId="" providerId="Windows Live" clId="Web-{F1E792A0-B442-4CEA-B6E1-E475540933B5}" dt="2021-11-29T13:53:44.179" v="1165" actId="20577"/>
          <ac:spMkLst>
            <pc:docMk/>
            <pc:sldMk cId="2150046901" sldId="399"/>
            <ac:spMk id="8" creationId="{44C26597-1689-4C5B-91DE-2C7554D43496}"/>
          </ac:spMkLst>
        </pc:spChg>
        <pc:spChg chg="add mod">
          <ac:chgData name="Gæstebruger" userId="" providerId="Windows Live" clId="Web-{F1E792A0-B442-4CEA-B6E1-E475540933B5}" dt="2021-11-29T13:47:04.749" v="1002" actId="14100"/>
          <ac:spMkLst>
            <pc:docMk/>
            <pc:sldMk cId="2150046901" sldId="399"/>
            <ac:spMk id="10" creationId="{CB5B61CD-49A0-40DF-B10D-976F99F3C947}"/>
          </ac:spMkLst>
        </pc:spChg>
        <pc:spChg chg="add del mod">
          <ac:chgData name="Gæstebruger" userId="" providerId="Windows Live" clId="Web-{F1E792A0-B442-4CEA-B6E1-E475540933B5}" dt="2021-11-29T13:48:29.829" v="1033"/>
          <ac:spMkLst>
            <pc:docMk/>
            <pc:sldMk cId="2150046901" sldId="399"/>
            <ac:spMk id="12" creationId="{AE05454C-E2AA-4F93-9778-F8BB5214E91C}"/>
          </ac:spMkLst>
        </pc:spChg>
        <pc:spChg chg="add del mod">
          <ac:chgData name="Gæstebruger" userId="" providerId="Windows Live" clId="Web-{F1E792A0-B442-4CEA-B6E1-E475540933B5}" dt="2021-11-29T13:49:28.080" v="1081"/>
          <ac:spMkLst>
            <pc:docMk/>
            <pc:sldMk cId="2150046901" sldId="399"/>
            <ac:spMk id="15" creationId="{613EE985-321E-49FC-96AB-F15504AFF3E9}"/>
          </ac:spMkLst>
        </pc:spChg>
        <pc:picChg chg="add del mod ord">
          <ac:chgData name="Gæstebruger" userId="" providerId="Windows Live" clId="Web-{F1E792A0-B442-4CEA-B6E1-E475540933B5}" dt="2021-11-29T13:48:01.329" v="1024"/>
          <ac:picMkLst>
            <pc:docMk/>
            <pc:sldMk cId="2150046901" sldId="399"/>
            <ac:picMk id="6" creationId="{92996681-C1E5-400D-9532-8DADADBAF59F}"/>
          </ac:picMkLst>
        </pc:picChg>
        <pc:picChg chg="add del mod ord modCrop">
          <ac:chgData name="Gæstebruger" userId="" providerId="Windows Live" clId="Web-{F1E792A0-B442-4CEA-B6E1-E475540933B5}" dt="2021-11-29T13:48:26.626" v="1032"/>
          <ac:picMkLst>
            <pc:docMk/>
            <pc:sldMk cId="2150046901" sldId="399"/>
            <ac:picMk id="13" creationId="{39D7B530-293C-456B-A053-8891486F1DC6}"/>
          </ac:picMkLst>
        </pc:picChg>
        <pc:picChg chg="add mod ord">
          <ac:chgData name="Gæstebruger" userId="" providerId="Windows Live" clId="Web-{F1E792A0-B442-4CEA-B6E1-E475540933B5}" dt="2021-11-29T13:48:35.845" v="1034" actId="14100"/>
          <ac:picMkLst>
            <pc:docMk/>
            <pc:sldMk cId="2150046901" sldId="399"/>
            <ac:picMk id="16" creationId="{28D1D7B1-CC0C-4022-B9D2-F0E6586B8F35}"/>
          </ac:picMkLst>
        </pc:picChg>
      </pc:sldChg>
      <pc:sldChg chg="modSp">
        <pc:chgData name="Gæstebruger" userId="" providerId="Windows Live" clId="Web-{F1E792A0-B442-4CEA-B6E1-E475540933B5}" dt="2021-11-29T16:37:14.129" v="1745" actId="20577"/>
        <pc:sldMkLst>
          <pc:docMk/>
          <pc:sldMk cId="1799666557" sldId="400"/>
        </pc:sldMkLst>
        <pc:spChg chg="mod">
          <ac:chgData name="Gæstebruger" userId="" providerId="Windows Live" clId="Web-{F1E792A0-B442-4CEA-B6E1-E475540933B5}" dt="2021-11-29T16:37:14.129" v="1745" actId="20577"/>
          <ac:spMkLst>
            <pc:docMk/>
            <pc:sldMk cId="1799666557" sldId="400"/>
            <ac:spMk id="3" creationId="{3184366D-61A3-4221-9E73-232338CDE558}"/>
          </ac:spMkLst>
        </pc:spChg>
      </pc:sldChg>
      <pc:sldChg chg="modSp new del">
        <pc:chgData name="Gæstebruger" userId="" providerId="Windows Live" clId="Web-{F1E792A0-B442-4CEA-B6E1-E475540933B5}" dt="2021-11-29T13:52:28.240" v="1156"/>
        <pc:sldMkLst>
          <pc:docMk/>
          <pc:sldMk cId="3875132434" sldId="401"/>
        </pc:sldMkLst>
        <pc:spChg chg="mod">
          <ac:chgData name="Gæstebruger" userId="" providerId="Windows Live" clId="Web-{F1E792A0-B442-4CEA-B6E1-E475540933B5}" dt="2021-11-29T13:52:17.021" v="1153" actId="20577"/>
          <ac:spMkLst>
            <pc:docMk/>
            <pc:sldMk cId="3875132434" sldId="401"/>
            <ac:spMk id="2" creationId="{39824FEA-AFDE-4FA3-9308-C2CB5936B30E}"/>
          </ac:spMkLst>
        </pc:spChg>
      </pc:sldChg>
      <pc:sldChg chg="addSp delSp modSp add replId">
        <pc:chgData name="Gæstebruger" userId="" providerId="Windows Live" clId="Web-{F1E792A0-B442-4CEA-B6E1-E475540933B5}" dt="2021-11-29T16:32:55.223" v="1598" actId="20577"/>
        <pc:sldMkLst>
          <pc:docMk/>
          <pc:sldMk cId="2293003390" sldId="402"/>
        </pc:sldMkLst>
        <pc:spChg chg="add del mod">
          <ac:chgData name="Gæstebruger" userId="" providerId="Windows Live" clId="Web-{F1E792A0-B442-4CEA-B6E1-E475540933B5}" dt="2021-11-29T13:57:18.589" v="1174"/>
          <ac:spMkLst>
            <pc:docMk/>
            <pc:sldMk cId="2293003390" sldId="402"/>
            <ac:spMk id="4" creationId="{F0CFDC49-B26F-4DAA-8BFA-682AD80D582E}"/>
          </ac:spMkLst>
        </pc:spChg>
        <pc:spChg chg="add mod">
          <ac:chgData name="Gæstebruger" userId="" providerId="Windows Live" clId="Web-{F1E792A0-B442-4CEA-B6E1-E475540933B5}" dt="2021-11-29T16:32:55.223" v="1598" actId="20577"/>
          <ac:spMkLst>
            <pc:docMk/>
            <pc:sldMk cId="2293003390" sldId="402"/>
            <ac:spMk id="6" creationId="{D5B9B064-7CC4-4D20-BC9A-DDD535206EBA}"/>
          </ac:spMkLst>
        </pc:spChg>
        <pc:spChg chg="add mod">
          <ac:chgData name="Gæstebruger" userId="" providerId="Windows Live" clId="Web-{F1E792A0-B442-4CEA-B6E1-E475540933B5}" dt="2021-11-29T13:54:26.242" v="1171" actId="1076"/>
          <ac:spMkLst>
            <pc:docMk/>
            <pc:sldMk cId="2293003390" sldId="402"/>
            <ac:spMk id="7" creationId="{1009C252-2CA2-4307-BE6C-7B7A9C80C185}"/>
          </ac:spMkLst>
        </pc:spChg>
        <pc:spChg chg="del">
          <ac:chgData name="Gæstebruger" userId="" providerId="Windows Live" clId="Web-{F1E792A0-B442-4CEA-B6E1-E475540933B5}" dt="2021-11-29T13:54:18.117" v="1167"/>
          <ac:spMkLst>
            <pc:docMk/>
            <pc:sldMk cId="2293003390" sldId="402"/>
            <ac:spMk id="8" creationId="{44C26597-1689-4C5B-91DE-2C7554D43496}"/>
          </ac:spMkLst>
        </pc:spChg>
        <pc:spChg chg="del">
          <ac:chgData name="Gæstebruger" userId="" providerId="Windows Live" clId="Web-{F1E792A0-B442-4CEA-B6E1-E475540933B5}" dt="2021-11-29T13:54:15.898" v="1166"/>
          <ac:spMkLst>
            <pc:docMk/>
            <pc:sldMk cId="2293003390" sldId="402"/>
            <ac:spMk id="10" creationId="{CB5B61CD-49A0-40DF-B10D-976F99F3C947}"/>
          </ac:spMkLst>
        </pc:spChg>
        <pc:picChg chg="add mod ord">
          <ac:chgData name="Gæstebruger" userId="" providerId="Windows Live" clId="Web-{F1E792A0-B442-4CEA-B6E1-E475540933B5}" dt="2021-11-29T13:57:18.589" v="1174"/>
          <ac:picMkLst>
            <pc:docMk/>
            <pc:sldMk cId="2293003390" sldId="402"/>
            <ac:picMk id="12" creationId="{EDD6037E-D1AB-4551-BBC5-F106B03C74B1}"/>
          </ac:picMkLst>
        </pc:picChg>
        <pc:picChg chg="del">
          <ac:chgData name="Gæstebruger" userId="" providerId="Windows Live" clId="Web-{F1E792A0-B442-4CEA-B6E1-E475540933B5}" dt="2021-11-29T13:52:22.974" v="1155"/>
          <ac:picMkLst>
            <pc:docMk/>
            <pc:sldMk cId="2293003390" sldId="402"/>
            <ac:picMk id="16" creationId="{28D1D7B1-CC0C-4022-B9D2-F0E6586B8F35}"/>
          </ac:picMkLst>
        </pc:picChg>
      </pc:sldChg>
      <pc:sldChg chg="addSp delSp modSp add replId">
        <pc:chgData name="Gæstebruger" userId="" providerId="Windows Live" clId="Web-{F1E792A0-B442-4CEA-B6E1-E475540933B5}" dt="2021-11-29T14:04:34.878" v="1548" actId="20577"/>
        <pc:sldMkLst>
          <pc:docMk/>
          <pc:sldMk cId="2851506793" sldId="403"/>
        </pc:sldMkLst>
        <pc:spChg chg="add del mod">
          <ac:chgData name="Gæstebruger" userId="" providerId="Windows Live" clId="Web-{F1E792A0-B442-4CEA-B6E1-E475540933B5}" dt="2021-11-29T13:57:40.214" v="1177"/>
          <ac:spMkLst>
            <pc:docMk/>
            <pc:sldMk cId="2851506793" sldId="403"/>
            <ac:spMk id="4" creationId="{050974F1-8A01-4BC9-B590-BC242F32CC6B}"/>
          </ac:spMkLst>
        </pc:spChg>
        <pc:spChg chg="mod">
          <ac:chgData name="Gæstebruger" userId="" providerId="Windows Live" clId="Web-{F1E792A0-B442-4CEA-B6E1-E475540933B5}" dt="2021-11-29T14:04:34.878" v="1548" actId="20577"/>
          <ac:spMkLst>
            <pc:docMk/>
            <pc:sldMk cId="2851506793" sldId="403"/>
            <ac:spMk id="6" creationId="{D5B9B064-7CC4-4D20-BC9A-DDD535206EBA}"/>
          </ac:spMkLst>
        </pc:spChg>
        <pc:picChg chg="add mod ord">
          <ac:chgData name="Gæstebruger" userId="" providerId="Windows Live" clId="Web-{F1E792A0-B442-4CEA-B6E1-E475540933B5}" dt="2021-11-29T13:57:51.902" v="1179" actId="14100"/>
          <ac:picMkLst>
            <pc:docMk/>
            <pc:sldMk cId="2851506793" sldId="403"/>
            <ac:picMk id="8" creationId="{158E81A2-3427-4203-8D21-BF50432B9C26}"/>
          </ac:picMkLst>
        </pc:picChg>
        <pc:picChg chg="del">
          <ac:chgData name="Gæstebruger" userId="" providerId="Windows Live" clId="Web-{F1E792A0-B442-4CEA-B6E1-E475540933B5}" dt="2021-11-29T13:57:38.949" v="1176"/>
          <ac:picMkLst>
            <pc:docMk/>
            <pc:sldMk cId="2851506793" sldId="403"/>
            <ac:picMk id="12" creationId="{EDD6037E-D1AB-4551-BBC5-F106B03C74B1}"/>
          </ac:picMkLst>
        </pc:picChg>
      </pc:sldChg>
      <pc:sldChg chg="modSp add replId">
        <pc:chgData name="Gæstebruger" userId="" providerId="Windows Live" clId="Web-{F1E792A0-B442-4CEA-B6E1-E475540933B5}" dt="2021-11-29T16:20:19.852" v="1575" actId="20577"/>
        <pc:sldMkLst>
          <pc:docMk/>
          <pc:sldMk cId="2664067778" sldId="404"/>
        </pc:sldMkLst>
        <pc:spChg chg="mod">
          <ac:chgData name="Gæstebruger" userId="" providerId="Windows Live" clId="Web-{F1E792A0-B442-4CEA-B6E1-E475540933B5}" dt="2021-11-29T16:20:19.852" v="1575" actId="20577"/>
          <ac:spMkLst>
            <pc:docMk/>
            <pc:sldMk cId="2664067778" sldId="404"/>
            <ac:spMk id="3" creationId="{FF2A085F-63FE-47CF-920A-DF25CD188EB3}"/>
          </ac:spMkLst>
        </pc:spChg>
      </pc:sldChg>
      <pc:sldChg chg="modSp add replId">
        <pc:chgData name="Gæstebruger" userId="" providerId="Windows Live" clId="Web-{F1E792A0-B442-4CEA-B6E1-E475540933B5}" dt="2021-11-29T16:19:40.647" v="1562" actId="20577"/>
        <pc:sldMkLst>
          <pc:docMk/>
          <pc:sldMk cId="2866262675" sldId="405"/>
        </pc:sldMkLst>
        <pc:spChg chg="mod">
          <ac:chgData name="Gæstebruger" userId="" providerId="Windows Live" clId="Web-{F1E792A0-B442-4CEA-B6E1-E475540933B5}" dt="2021-11-29T16:19:40.647" v="1562" actId="20577"/>
          <ac:spMkLst>
            <pc:docMk/>
            <pc:sldMk cId="2866262675" sldId="405"/>
            <ac:spMk id="3" creationId="{FF2A085F-63FE-47CF-920A-DF25CD188EB3}"/>
          </ac:spMkLst>
        </pc:spChg>
      </pc:sldChg>
      <pc:sldChg chg="modSp add replId">
        <pc:chgData name="Gæstebruger" userId="" providerId="Windows Live" clId="Web-{F1E792A0-B442-4CEA-B6E1-E475540933B5}" dt="2021-11-29T16:19:53.382" v="1565" actId="20577"/>
        <pc:sldMkLst>
          <pc:docMk/>
          <pc:sldMk cId="2022947118" sldId="406"/>
        </pc:sldMkLst>
        <pc:spChg chg="mod">
          <ac:chgData name="Gæstebruger" userId="" providerId="Windows Live" clId="Web-{F1E792A0-B442-4CEA-B6E1-E475540933B5}" dt="2021-11-29T16:19:53.382" v="1565" actId="20577"/>
          <ac:spMkLst>
            <pc:docMk/>
            <pc:sldMk cId="2022947118" sldId="406"/>
            <ac:spMk id="3" creationId="{FF2A085F-63FE-47CF-920A-DF25CD188EB3}"/>
          </ac:spMkLst>
        </pc:spChg>
      </pc:sldChg>
      <pc:sldChg chg="modSp new">
        <pc:chgData name="Gæstebruger" userId="" providerId="Windows Live" clId="Web-{F1E792A0-B442-4CEA-B6E1-E475540933B5}" dt="2021-11-29T16:20:04.398" v="1567" actId="20577"/>
        <pc:sldMkLst>
          <pc:docMk/>
          <pc:sldMk cId="3665766555" sldId="407"/>
        </pc:sldMkLst>
        <pc:spChg chg="mod">
          <ac:chgData name="Gæstebruger" userId="" providerId="Windows Live" clId="Web-{F1E792A0-B442-4CEA-B6E1-E475540933B5}" dt="2021-11-29T16:20:04.398" v="1567" actId="20577"/>
          <ac:spMkLst>
            <pc:docMk/>
            <pc:sldMk cId="3665766555" sldId="407"/>
            <ac:spMk id="2" creationId="{7FDE6E74-DFFF-4A97-8B6E-FEDFED9005C9}"/>
          </ac:spMkLst>
        </pc:spChg>
      </pc:sldChg>
      <pc:sldChg chg="modSp new">
        <pc:chgData name="Gæstebruger" userId="" providerId="Windows Live" clId="Web-{F1E792A0-B442-4CEA-B6E1-E475540933B5}" dt="2021-11-29T16:52:46.807" v="1920" actId="20577"/>
        <pc:sldMkLst>
          <pc:docMk/>
          <pc:sldMk cId="2421702181" sldId="410"/>
        </pc:sldMkLst>
        <pc:spChg chg="mod">
          <ac:chgData name="Gæstebruger" userId="" providerId="Windows Live" clId="Web-{F1E792A0-B442-4CEA-B6E1-E475540933B5}" dt="2021-11-29T16:52:46.807" v="1920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modSp new">
        <pc:chgData name="Gæstebruger" userId="" providerId="Windows Live" clId="Web-{F1E792A0-B442-4CEA-B6E1-E475540933B5}" dt="2021-11-29T16:55:11.690" v="2073" actId="20577"/>
        <pc:sldMkLst>
          <pc:docMk/>
          <pc:sldMk cId="1541039329" sldId="411"/>
        </pc:sldMkLst>
        <pc:spChg chg="mod">
          <ac:chgData name="Gæstebruger" userId="" providerId="Windows Live" clId="Web-{F1E792A0-B442-4CEA-B6E1-E475540933B5}" dt="2021-11-29T16:53:29.950" v="1966" actId="20577"/>
          <ac:spMkLst>
            <pc:docMk/>
            <pc:sldMk cId="1541039329" sldId="411"/>
            <ac:spMk id="2" creationId="{26B22DFD-7CA1-47AC-9F9F-4437ED987F85}"/>
          </ac:spMkLst>
        </pc:spChg>
        <pc:spChg chg="mod">
          <ac:chgData name="Gæstebruger" userId="" providerId="Windows Live" clId="Web-{F1E792A0-B442-4CEA-B6E1-E475540933B5}" dt="2021-11-29T16:55:11.690" v="2073" actId="20577"/>
          <ac:spMkLst>
            <pc:docMk/>
            <pc:sldMk cId="1541039329" sldId="411"/>
            <ac:spMk id="3" creationId="{C9A64EAE-A6BB-44FB-8242-2326EB022ACF}"/>
          </ac:spMkLst>
        </pc:spChg>
      </pc:sldChg>
    </pc:docChg>
  </pc:docChgLst>
  <pc:docChgLst>
    <pc:chgData name="Gæstebruger" providerId="Windows Live" clId="Web-{3EAA56E3-3118-4989-8AE4-D2915348A078}"/>
    <pc:docChg chg="addSld delSld modSld">
      <pc:chgData name="Gæstebruger" userId="" providerId="Windows Live" clId="Web-{3EAA56E3-3118-4989-8AE4-D2915348A078}" dt="2021-11-29T17:39:06.246" v="1046" actId="20577"/>
      <pc:docMkLst>
        <pc:docMk/>
      </pc:docMkLst>
      <pc:sldChg chg="modSp">
        <pc:chgData name="Gæstebruger" userId="" providerId="Windows Live" clId="Web-{3EAA56E3-3118-4989-8AE4-D2915348A078}" dt="2021-11-29T17:36:16.616" v="1005" actId="20577"/>
        <pc:sldMkLst>
          <pc:docMk/>
          <pc:sldMk cId="2260296879" sldId="386"/>
        </pc:sldMkLst>
        <pc:spChg chg="mod">
          <ac:chgData name="Gæstebruger" userId="" providerId="Windows Live" clId="Web-{3EAA56E3-3118-4989-8AE4-D2915348A078}" dt="2021-11-29T17:36:16.616" v="1005" actId="20577"/>
          <ac:spMkLst>
            <pc:docMk/>
            <pc:sldMk cId="2260296879" sldId="386"/>
            <ac:spMk id="3" creationId="{15DB4507-F2B8-4610-A847-DAF955119E7D}"/>
          </ac:spMkLst>
        </pc:spChg>
      </pc:sldChg>
      <pc:sldChg chg="modSp">
        <pc:chgData name="Gæstebruger" userId="" providerId="Windows Live" clId="Web-{3EAA56E3-3118-4989-8AE4-D2915348A078}" dt="2021-11-29T17:07:05.721" v="296" actId="20577"/>
        <pc:sldMkLst>
          <pc:docMk/>
          <pc:sldMk cId="2737437854" sldId="391"/>
        </pc:sldMkLst>
        <pc:spChg chg="mod">
          <ac:chgData name="Gæstebruger" userId="" providerId="Windows Live" clId="Web-{3EAA56E3-3118-4989-8AE4-D2915348A078}" dt="2021-11-29T17:07:05.721" v="296" actId="20577"/>
          <ac:spMkLst>
            <pc:docMk/>
            <pc:sldMk cId="2737437854" sldId="391"/>
            <ac:spMk id="3" creationId="{F3FBA9E0-E64F-405C-94B7-1499CE65EB9C}"/>
          </ac:spMkLst>
        </pc:spChg>
      </pc:sldChg>
      <pc:sldChg chg="del">
        <pc:chgData name="Gæstebruger" userId="" providerId="Windows Live" clId="Web-{3EAA56E3-3118-4989-8AE4-D2915348A078}" dt="2021-11-29T17:36:45.632" v="1024"/>
        <pc:sldMkLst>
          <pc:docMk/>
          <pc:sldMk cId="521801858" sldId="393"/>
        </pc:sldMkLst>
      </pc:sldChg>
      <pc:sldChg chg="del">
        <pc:chgData name="Gæstebruger" userId="" providerId="Windows Live" clId="Web-{3EAA56E3-3118-4989-8AE4-D2915348A078}" dt="2021-11-29T17:36:43.898" v="1023"/>
        <pc:sldMkLst>
          <pc:docMk/>
          <pc:sldMk cId="1939980875" sldId="394"/>
        </pc:sldMkLst>
      </pc:sldChg>
      <pc:sldChg chg="del">
        <pc:chgData name="Gæstebruger" userId="" providerId="Windows Live" clId="Web-{3EAA56E3-3118-4989-8AE4-D2915348A078}" dt="2021-11-29T17:36:43.398" v="1022"/>
        <pc:sldMkLst>
          <pc:docMk/>
          <pc:sldMk cId="3110794765" sldId="395"/>
        </pc:sldMkLst>
      </pc:sldChg>
      <pc:sldChg chg="modSp">
        <pc:chgData name="Gæstebruger" userId="" providerId="Windows Live" clId="Web-{3EAA56E3-3118-4989-8AE4-D2915348A078}" dt="2021-11-29T17:19:26.618" v="373" actId="20577"/>
        <pc:sldMkLst>
          <pc:docMk/>
          <pc:sldMk cId="2293003390" sldId="402"/>
        </pc:sldMkLst>
        <pc:spChg chg="mod">
          <ac:chgData name="Gæstebruger" userId="" providerId="Windows Live" clId="Web-{3EAA56E3-3118-4989-8AE4-D2915348A078}" dt="2021-11-29T17:19:26.618" v="373" actId="20577"/>
          <ac:spMkLst>
            <pc:docMk/>
            <pc:sldMk cId="2293003390" sldId="402"/>
            <ac:spMk id="6" creationId="{D5B9B064-7CC4-4D20-BC9A-DDD535206EBA}"/>
          </ac:spMkLst>
        </pc:spChg>
      </pc:sldChg>
      <pc:sldChg chg="addSp delSp modSp">
        <pc:chgData name="Gæstebruger" userId="" providerId="Windows Live" clId="Web-{3EAA56E3-3118-4989-8AE4-D2915348A078}" dt="2021-11-29T17:19:38.837" v="374" actId="20577"/>
        <pc:sldMkLst>
          <pc:docMk/>
          <pc:sldMk cId="2851506793" sldId="403"/>
        </pc:sldMkLst>
        <pc:spChg chg="mod">
          <ac:chgData name="Gæstebruger" userId="" providerId="Windows Live" clId="Web-{3EAA56E3-3118-4989-8AE4-D2915348A078}" dt="2021-11-29T17:16:48.332" v="344" actId="20577"/>
          <ac:spMkLst>
            <pc:docMk/>
            <pc:sldMk cId="2851506793" sldId="403"/>
            <ac:spMk id="2" creationId="{BBB3C987-8E18-45B1-8313-28874E888C7F}"/>
          </ac:spMkLst>
        </pc:spChg>
        <pc:spChg chg="add del mod">
          <ac:chgData name="Gæstebruger" userId="" providerId="Windows Live" clId="Web-{3EAA56E3-3118-4989-8AE4-D2915348A078}" dt="2021-11-29T17:18:27.491" v="348"/>
          <ac:spMkLst>
            <pc:docMk/>
            <pc:sldMk cId="2851506793" sldId="403"/>
            <ac:spMk id="4" creationId="{566FE700-6D16-4929-9562-EB7BAA63F94A}"/>
          </ac:spMkLst>
        </pc:spChg>
        <pc:spChg chg="mod">
          <ac:chgData name="Gæstebruger" userId="" providerId="Windows Live" clId="Web-{3EAA56E3-3118-4989-8AE4-D2915348A078}" dt="2021-11-29T17:19:38.837" v="374" actId="20577"/>
          <ac:spMkLst>
            <pc:docMk/>
            <pc:sldMk cId="2851506793" sldId="403"/>
            <ac:spMk id="6" creationId="{D5B9B064-7CC4-4D20-BC9A-DDD535206EBA}"/>
          </ac:spMkLst>
        </pc:spChg>
        <pc:picChg chg="del">
          <ac:chgData name="Gæstebruger" userId="" providerId="Windows Live" clId="Web-{3EAA56E3-3118-4989-8AE4-D2915348A078}" dt="2021-11-29T17:17:50.115" v="347"/>
          <ac:picMkLst>
            <pc:docMk/>
            <pc:sldMk cId="2851506793" sldId="403"/>
            <ac:picMk id="8" creationId="{158E81A2-3427-4203-8D21-BF50432B9C26}"/>
          </ac:picMkLst>
        </pc:picChg>
        <pc:picChg chg="add mod ord">
          <ac:chgData name="Gæstebruger" userId="" providerId="Windows Live" clId="Web-{3EAA56E3-3118-4989-8AE4-D2915348A078}" dt="2021-11-29T17:18:45.242" v="350" actId="14100"/>
          <ac:picMkLst>
            <pc:docMk/>
            <pc:sldMk cId="2851506793" sldId="403"/>
            <ac:picMk id="9" creationId="{DA5BDC4B-2454-458C-BEDD-622CE39336DC}"/>
          </ac:picMkLst>
        </pc:picChg>
      </pc:sldChg>
      <pc:sldChg chg="modSp">
        <pc:chgData name="Gæstebruger" userId="" providerId="Windows Live" clId="Web-{3EAA56E3-3118-4989-8AE4-D2915348A078}" dt="2021-11-29T17:20:20.213" v="375" actId="20577"/>
        <pc:sldMkLst>
          <pc:docMk/>
          <pc:sldMk cId="672455812" sldId="409"/>
        </pc:sldMkLst>
        <pc:spChg chg="mod">
          <ac:chgData name="Gæstebruger" userId="" providerId="Windows Live" clId="Web-{3EAA56E3-3118-4989-8AE4-D2915348A078}" dt="2021-11-29T17:20:20.213" v="375" actId="20577"/>
          <ac:spMkLst>
            <pc:docMk/>
            <pc:sldMk cId="672455812" sldId="409"/>
            <ac:spMk id="12" creationId="{C09388A6-0C81-4C34-9B8F-D2CCFED78C50}"/>
          </ac:spMkLst>
        </pc:spChg>
      </pc:sldChg>
      <pc:sldChg chg="modSp">
        <pc:chgData name="Gæstebruger" userId="" providerId="Windows Live" clId="Web-{3EAA56E3-3118-4989-8AE4-D2915348A078}" dt="2021-11-29T17:08:34.630" v="303" actId="20577"/>
        <pc:sldMkLst>
          <pc:docMk/>
          <pc:sldMk cId="2421702181" sldId="410"/>
        </pc:sldMkLst>
        <pc:spChg chg="mod">
          <ac:chgData name="Gæstebruger" userId="" providerId="Windows Live" clId="Web-{3EAA56E3-3118-4989-8AE4-D2915348A078}" dt="2021-11-29T17:08:34.630" v="303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addSp delSp modSp">
        <pc:chgData name="Gæstebruger" userId="" providerId="Windows Live" clId="Web-{3EAA56E3-3118-4989-8AE4-D2915348A078}" dt="2021-11-29T17:07:54.582" v="297" actId="20577"/>
        <pc:sldMkLst>
          <pc:docMk/>
          <pc:sldMk cId="1541039329" sldId="411"/>
        </pc:sldMkLst>
        <pc:spChg chg="mod">
          <ac:chgData name="Gæstebruger" userId="" providerId="Windows Live" clId="Web-{3EAA56E3-3118-4989-8AE4-D2915348A078}" dt="2021-11-29T17:07:54.582" v="297" actId="20577"/>
          <ac:spMkLst>
            <pc:docMk/>
            <pc:sldMk cId="1541039329" sldId="411"/>
            <ac:spMk id="2" creationId="{26B22DFD-7CA1-47AC-9F9F-4437ED987F85}"/>
          </ac:spMkLst>
        </pc:spChg>
        <pc:spChg chg="mod">
          <ac:chgData name="Gæstebruger" userId="" providerId="Windows Live" clId="Web-{3EAA56E3-3118-4989-8AE4-D2915348A078}" dt="2021-11-29T17:03:04.980" v="288" actId="20577"/>
          <ac:spMkLst>
            <pc:docMk/>
            <pc:sldMk cId="1541039329" sldId="411"/>
            <ac:spMk id="3" creationId="{C9A64EAE-A6BB-44FB-8242-2326EB022ACF}"/>
          </ac:spMkLst>
        </pc:spChg>
        <pc:spChg chg="del">
          <ac:chgData name="Gæstebruger" userId="" providerId="Windows Live" clId="Web-{3EAA56E3-3118-4989-8AE4-D2915348A078}" dt="2021-11-29T17:00:42.069" v="176"/>
          <ac:spMkLst>
            <pc:docMk/>
            <pc:sldMk cId="1541039329" sldId="411"/>
            <ac:spMk id="4" creationId="{C5DD9EE6-393E-4DFE-86C2-82228067EEEA}"/>
          </ac:spMkLst>
        </pc:spChg>
        <pc:spChg chg="add del mod">
          <ac:chgData name="Gæstebruger" userId="" providerId="Windows Live" clId="Web-{3EAA56E3-3118-4989-8AE4-D2915348A078}" dt="2021-11-29T17:04:43.639" v="290"/>
          <ac:spMkLst>
            <pc:docMk/>
            <pc:sldMk cId="1541039329" sldId="411"/>
            <ac:spMk id="8" creationId="{0421C383-0167-4417-9255-4B4497F5535D}"/>
          </ac:spMkLst>
        </pc:spChg>
        <pc:picChg chg="add del mod ord modCrop">
          <ac:chgData name="Gæstebruger" userId="" providerId="Windows Live" clId="Web-{3EAA56E3-3118-4989-8AE4-D2915348A078}" dt="2021-11-29T17:04:40.311" v="289"/>
          <ac:picMkLst>
            <pc:docMk/>
            <pc:sldMk cId="1541039329" sldId="411"/>
            <ac:picMk id="6" creationId="{4375ECFA-2658-462D-A909-D516ADC48416}"/>
          </ac:picMkLst>
        </pc:picChg>
        <pc:picChg chg="add mod ord modCrop">
          <ac:chgData name="Gæstebruger" userId="" providerId="Windows Live" clId="Web-{3EAA56E3-3118-4989-8AE4-D2915348A078}" dt="2021-11-29T17:04:50.670" v="291" actId="14100"/>
          <ac:picMkLst>
            <pc:docMk/>
            <pc:sldMk cId="1541039329" sldId="411"/>
            <ac:picMk id="9" creationId="{E14D1CFC-3A29-45AB-A9B8-73A77780024E}"/>
          </ac:picMkLst>
        </pc:picChg>
      </pc:sldChg>
      <pc:sldChg chg="modSp new">
        <pc:chgData name="Gæstebruger" userId="" providerId="Windows Live" clId="Web-{3EAA56E3-3118-4989-8AE4-D2915348A078}" dt="2021-11-29T17:23:39.891" v="382" actId="20577"/>
        <pc:sldMkLst>
          <pc:docMk/>
          <pc:sldMk cId="4234443891" sldId="413"/>
        </pc:sldMkLst>
        <pc:spChg chg="mod">
          <ac:chgData name="Gæstebruger" userId="" providerId="Windows Live" clId="Web-{3EAA56E3-3118-4989-8AE4-D2915348A078}" dt="2021-11-29T17:23:39.891" v="382" actId="20577"/>
          <ac:spMkLst>
            <pc:docMk/>
            <pc:sldMk cId="4234443891" sldId="413"/>
            <ac:spMk id="3" creationId="{BCFE2E69-AEBB-4616-AC63-DB03E548A427}"/>
          </ac:spMkLst>
        </pc:spChg>
      </pc:sldChg>
      <pc:sldChg chg="modSp new">
        <pc:chgData name="Gæstebruger" userId="" providerId="Windows Live" clId="Web-{3EAA56E3-3118-4989-8AE4-D2915348A078}" dt="2021-11-29T17:39:06.246" v="1046" actId="20577"/>
        <pc:sldMkLst>
          <pc:docMk/>
          <pc:sldMk cId="3632742281" sldId="414"/>
        </pc:sldMkLst>
        <pc:spChg chg="mod">
          <ac:chgData name="Gæstebruger" userId="" providerId="Windows Live" clId="Web-{3EAA56E3-3118-4989-8AE4-D2915348A078}" dt="2021-11-29T17:34:47.145" v="997" actId="20577"/>
          <ac:spMkLst>
            <pc:docMk/>
            <pc:sldMk cId="3632742281" sldId="414"/>
            <ac:spMk id="2" creationId="{9BDBEFF8-F120-4759-8BC7-8BAFFC44ABE5}"/>
          </ac:spMkLst>
        </pc:spChg>
        <pc:spChg chg="mod">
          <ac:chgData name="Gæstebruger" userId="" providerId="Windows Live" clId="Web-{3EAA56E3-3118-4989-8AE4-D2915348A078}" dt="2021-11-29T17:39:06.246" v="1046" actId="20577"/>
          <ac:spMkLst>
            <pc:docMk/>
            <pc:sldMk cId="3632742281" sldId="414"/>
            <ac:spMk id="3" creationId="{DDEE5D33-CF82-4237-9690-681F7DCBAB33}"/>
          </ac:spMkLst>
        </pc:spChg>
      </pc:sldChg>
      <pc:sldChg chg="modSp new">
        <pc:chgData name="Gæstebruger" userId="" providerId="Windows Live" clId="Web-{3EAA56E3-3118-4989-8AE4-D2915348A078}" dt="2021-11-29T17:37:01.320" v="1036" actId="20577"/>
        <pc:sldMkLst>
          <pc:docMk/>
          <pc:sldMk cId="2573332014" sldId="416"/>
        </pc:sldMkLst>
        <pc:spChg chg="mod">
          <ac:chgData name="Gæstebruger" userId="" providerId="Windows Live" clId="Web-{3EAA56E3-3118-4989-8AE4-D2915348A078}" dt="2021-11-29T17:37:01.320" v="1036" actId="20577"/>
          <ac:spMkLst>
            <pc:docMk/>
            <pc:sldMk cId="2573332014" sldId="416"/>
            <ac:spMk id="2" creationId="{2D23D162-7870-43D5-89F1-64594B571062}"/>
          </ac:spMkLst>
        </pc:spChg>
      </pc:sldChg>
      <pc:sldChg chg="modSp add replId">
        <pc:chgData name="Gæstebruger" userId="" providerId="Windows Live" clId="Web-{3EAA56E3-3118-4989-8AE4-D2915348A078}" dt="2021-11-29T17:37:20.024" v="1040" actId="20577"/>
        <pc:sldMkLst>
          <pc:docMk/>
          <pc:sldMk cId="2040168080" sldId="417"/>
        </pc:sldMkLst>
        <pc:spChg chg="mod">
          <ac:chgData name="Gæstebruger" userId="" providerId="Windows Live" clId="Web-{3EAA56E3-3118-4989-8AE4-D2915348A078}" dt="2021-11-29T17:37:20.024" v="1040" actId="20577"/>
          <ac:spMkLst>
            <pc:docMk/>
            <pc:sldMk cId="2040168080" sldId="417"/>
            <ac:spMk id="3" creationId="{DDEE5D33-CF82-4237-9690-681F7DCBAB33}"/>
          </ac:spMkLst>
        </pc:spChg>
      </pc:sldChg>
    </pc:docChg>
  </pc:docChgLst>
  <pc:docChgLst>
    <pc:chgData name="Anders Reinholdt Sindberg" userId="52db4fe251303e20" providerId="Windows Live" clId="Web-{BE7A0207-30AB-445E-93F5-A450F5AD8565}"/>
    <pc:docChg chg="addSld delSld modSld sldOrd">
      <pc:chgData name="Anders Reinholdt Sindberg" userId="52db4fe251303e20" providerId="Windows Live" clId="Web-{BE7A0207-30AB-445E-93F5-A450F5AD8565}" dt="2021-11-29T14:05:50.177" v="2367" actId="20577"/>
      <pc:docMkLst>
        <pc:docMk/>
      </pc:docMkLst>
      <pc:sldChg chg="modSp">
        <pc:chgData name="Anders Reinholdt Sindberg" userId="52db4fe251303e20" providerId="Windows Live" clId="Web-{BE7A0207-30AB-445E-93F5-A450F5AD8565}" dt="2021-11-29T11:31:06.005" v="125" actId="20577"/>
        <pc:sldMkLst>
          <pc:docMk/>
          <pc:sldMk cId="463562986" sldId="312"/>
        </pc:sldMkLst>
        <pc:spChg chg="mod">
          <ac:chgData name="Anders Reinholdt Sindberg" userId="52db4fe251303e20" providerId="Windows Live" clId="Web-{BE7A0207-30AB-445E-93F5-A450F5AD8565}" dt="2021-11-29T11:31:06.005" v="125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">
        <pc:chgData name="Anders Reinholdt Sindberg" userId="52db4fe251303e20" providerId="Windows Live" clId="Web-{BE7A0207-30AB-445E-93F5-A450F5AD8565}" dt="2021-11-29T11:29:45.972" v="123" actId="1076"/>
        <pc:sldMkLst>
          <pc:docMk/>
          <pc:sldMk cId="2499867789" sldId="351"/>
        </pc:sldMkLst>
        <pc:spChg chg="mod">
          <ac:chgData name="Anders Reinholdt Sindberg" userId="52db4fe251303e20" providerId="Windows Live" clId="Web-{BE7A0207-30AB-445E-93F5-A450F5AD8565}" dt="2021-11-29T11:29:36.659" v="119" actId="20577"/>
          <ac:spMkLst>
            <pc:docMk/>
            <pc:sldMk cId="2499867789" sldId="351"/>
            <ac:spMk id="11" creationId="{EF75B46E-2C68-4C5D-8E11-F0F0B2E90B4B}"/>
          </ac:spMkLst>
        </pc:spChg>
        <pc:spChg chg="mod">
          <ac:chgData name="Anders Reinholdt Sindberg" userId="52db4fe251303e20" providerId="Windows Live" clId="Web-{BE7A0207-30AB-445E-93F5-A450F5AD8565}" dt="2021-11-29T11:29:41.472" v="121" actId="20577"/>
          <ac:spMkLst>
            <pc:docMk/>
            <pc:sldMk cId="2499867789" sldId="351"/>
            <ac:spMk id="12" creationId="{F25BB3C5-48EB-472D-9C7A-70C09AD465C3}"/>
          </ac:spMkLst>
        </pc:spChg>
        <pc:picChg chg="mod">
          <ac:chgData name="Anders Reinholdt Sindberg" userId="52db4fe251303e20" providerId="Windows Live" clId="Web-{BE7A0207-30AB-445E-93F5-A450F5AD8565}" dt="2021-11-29T11:29:45.972" v="123" actId="1076"/>
          <ac:picMkLst>
            <pc:docMk/>
            <pc:sldMk cId="2499867789" sldId="351"/>
            <ac:picMk id="3" creationId="{5B8C34AC-5AE9-4557-882D-13BB8BB4FC2E}"/>
          </ac:picMkLst>
        </pc:picChg>
      </pc:sldChg>
      <pc:sldChg chg="modSp">
        <pc:chgData name="Anders Reinholdt Sindberg" userId="52db4fe251303e20" providerId="Windows Live" clId="Web-{BE7A0207-30AB-445E-93F5-A450F5AD8565}" dt="2021-11-29T12:46:59.292" v="1118" actId="20577"/>
        <pc:sldMkLst>
          <pc:docMk/>
          <pc:sldMk cId="2443623805" sldId="374"/>
        </pc:sldMkLst>
        <pc:spChg chg="mod">
          <ac:chgData name="Anders Reinholdt Sindberg" userId="52db4fe251303e20" providerId="Windows Live" clId="Web-{BE7A0207-30AB-445E-93F5-A450F5AD8565}" dt="2021-11-29T12:46:59.292" v="1118" actId="20577"/>
          <ac:spMkLst>
            <pc:docMk/>
            <pc:sldMk cId="2443623805" sldId="374"/>
            <ac:spMk id="11" creationId="{9AB046E7-81C0-4877-BE68-ED5956A974D1}"/>
          </ac:spMkLst>
        </pc:spChg>
        <pc:grpChg chg="mod">
          <ac:chgData name="Anders Reinholdt Sindberg" userId="52db4fe251303e20" providerId="Windows Live" clId="Web-{BE7A0207-30AB-445E-93F5-A450F5AD8565}" dt="2021-11-29T12:02:50.962" v="476" actId="1076"/>
          <ac:grpSpMkLst>
            <pc:docMk/>
            <pc:sldMk cId="2443623805" sldId="374"/>
            <ac:grpSpMk id="13" creationId="{7EF8E92A-3DA4-4E4E-A655-1EEF15900294}"/>
          </ac:grpSpMkLst>
        </pc:grpChg>
      </pc:sldChg>
      <pc:sldChg chg="modSp">
        <pc:chgData name="Anders Reinholdt Sindberg" userId="52db4fe251303e20" providerId="Windows Live" clId="Web-{BE7A0207-30AB-445E-93F5-A450F5AD8565}" dt="2021-11-29T12:06:39.232" v="608" actId="14100"/>
        <pc:sldMkLst>
          <pc:docMk/>
          <pc:sldMk cId="1374049082" sldId="375"/>
        </pc:sldMkLst>
        <pc:spChg chg="mod">
          <ac:chgData name="Anders Reinholdt Sindberg" userId="52db4fe251303e20" providerId="Windows Live" clId="Web-{BE7A0207-30AB-445E-93F5-A450F5AD8565}" dt="2021-11-29T12:06:39.232" v="608" actId="14100"/>
          <ac:spMkLst>
            <pc:docMk/>
            <pc:sldMk cId="1374049082" sldId="375"/>
            <ac:spMk id="2" creationId="{81809F37-B8BE-2C40-9150-1525BD212F3E}"/>
          </ac:spMkLst>
        </pc:spChg>
      </pc:sldChg>
      <pc:sldChg chg="addSp delSp modSp">
        <pc:chgData name="Anders Reinholdt Sindberg" userId="52db4fe251303e20" providerId="Windows Live" clId="Web-{BE7A0207-30AB-445E-93F5-A450F5AD8565}" dt="2021-11-29T12:39:02.643" v="1002"/>
        <pc:sldMkLst>
          <pc:docMk/>
          <pc:sldMk cId="2726445192" sldId="378"/>
        </pc:sldMkLst>
        <pc:spChg chg="add del">
          <ac:chgData name="Anders Reinholdt Sindberg" userId="52db4fe251303e20" providerId="Windows Live" clId="Web-{BE7A0207-30AB-445E-93F5-A450F5AD8565}" dt="2021-11-29T12:39:02.643" v="1002"/>
          <ac:spMkLst>
            <pc:docMk/>
            <pc:sldMk cId="2726445192" sldId="378"/>
            <ac:spMk id="3" creationId="{F94590B7-FC74-43C2-8EC8-45D6D67ABE13}"/>
          </ac:spMkLst>
        </pc:spChg>
        <pc:picChg chg="add del mod ord">
          <ac:chgData name="Anders Reinholdt Sindberg" userId="52db4fe251303e20" providerId="Windows Live" clId="Web-{BE7A0207-30AB-445E-93F5-A450F5AD8565}" dt="2021-11-29T12:39:02.643" v="1002"/>
          <ac:picMkLst>
            <pc:docMk/>
            <pc:sldMk cId="2726445192" sldId="378"/>
            <ac:picMk id="6" creationId="{348D0B51-77BA-4329-B36A-D644F460F572}"/>
          </ac:picMkLst>
        </pc:picChg>
      </pc:sldChg>
      <pc:sldChg chg="addSp delSp modSp">
        <pc:chgData name="Anders Reinholdt Sindberg" userId="52db4fe251303e20" providerId="Windows Live" clId="Web-{BE7A0207-30AB-445E-93F5-A450F5AD8565}" dt="2021-11-29T12:07:42.217" v="661" actId="20577"/>
        <pc:sldMkLst>
          <pc:docMk/>
          <pc:sldMk cId="2020136040" sldId="379"/>
        </pc:sldMkLst>
        <pc:spChg chg="mod">
          <ac:chgData name="Anders Reinholdt Sindberg" userId="52db4fe251303e20" providerId="Windows Live" clId="Web-{BE7A0207-30AB-445E-93F5-A450F5AD8565}" dt="2021-11-29T12:07:42.217" v="661" actId="20577"/>
          <ac:spMkLst>
            <pc:docMk/>
            <pc:sldMk cId="2020136040" sldId="379"/>
            <ac:spMk id="2" creationId="{BC046435-6D30-4048-BC50-DBE273DBAD7E}"/>
          </ac:spMkLst>
        </pc:spChg>
        <pc:spChg chg="mod">
          <ac:chgData name="Anders Reinholdt Sindberg" userId="52db4fe251303e20" providerId="Windows Live" clId="Web-{BE7A0207-30AB-445E-93F5-A450F5AD8565}" dt="2021-11-29T11:58:39.770" v="242" actId="20577"/>
          <ac:spMkLst>
            <pc:docMk/>
            <pc:sldMk cId="2020136040" sldId="379"/>
            <ac:spMk id="3" creationId="{2B90431B-7D4F-4629-9D7E-292FDB21939F}"/>
          </ac:spMkLst>
        </pc:spChg>
        <pc:spChg chg="del">
          <ac:chgData name="Anders Reinholdt Sindberg" userId="52db4fe251303e20" providerId="Windows Live" clId="Web-{BE7A0207-30AB-445E-93F5-A450F5AD8565}" dt="2021-11-29T11:38:54.935" v="126"/>
          <ac:spMkLst>
            <pc:docMk/>
            <pc:sldMk cId="2020136040" sldId="379"/>
            <ac:spMk id="4" creationId="{1E7C0C63-F39E-4DC3-8325-B6D8DF05F3EE}"/>
          </ac:spMkLst>
        </pc:spChg>
        <pc:spChg chg="add del mod">
          <ac:chgData name="Anders Reinholdt Sindberg" userId="52db4fe251303e20" providerId="Windows Live" clId="Web-{BE7A0207-30AB-445E-93F5-A450F5AD8565}" dt="2021-11-29T11:39:14.342" v="139"/>
          <ac:spMkLst>
            <pc:docMk/>
            <pc:sldMk cId="2020136040" sldId="379"/>
            <ac:spMk id="12" creationId="{C415570E-B926-4BE8-8662-A96BF20FEDD8}"/>
          </ac:spMkLst>
        </pc:spChg>
        <pc:picChg chg="add del mod ord modCrop">
          <ac:chgData name="Anders Reinholdt Sindberg" userId="52db4fe251303e20" providerId="Windows Live" clId="Web-{BE7A0207-30AB-445E-93F5-A450F5AD8565}" dt="2021-11-29T11:38:57.638" v="127"/>
          <ac:picMkLst>
            <pc:docMk/>
            <pc:sldMk cId="2020136040" sldId="379"/>
            <ac:picMk id="9" creationId="{CE182190-7437-4C13-8B9C-CA577F01B384}"/>
          </ac:picMkLst>
        </pc:picChg>
        <pc:picChg chg="add del">
          <ac:chgData name="Anders Reinholdt Sindberg" userId="52db4fe251303e20" providerId="Windows Live" clId="Web-{BE7A0207-30AB-445E-93F5-A450F5AD8565}" dt="2021-11-29T11:38:59.717" v="129"/>
          <ac:picMkLst>
            <pc:docMk/>
            <pc:sldMk cId="2020136040" sldId="379"/>
            <ac:picMk id="13" creationId="{D1271324-674F-408E-883B-189D71FB936C}"/>
          </ac:picMkLst>
        </pc:picChg>
        <pc:picChg chg="add del mod">
          <ac:chgData name="Anders Reinholdt Sindberg" userId="52db4fe251303e20" providerId="Windows Live" clId="Web-{BE7A0207-30AB-445E-93F5-A450F5AD8565}" dt="2021-11-29T11:39:09.686" v="136"/>
          <ac:picMkLst>
            <pc:docMk/>
            <pc:sldMk cId="2020136040" sldId="379"/>
            <ac:picMk id="14" creationId="{06EAA165-002C-436D-9A9E-B5B6942E839E}"/>
          </ac:picMkLst>
        </pc:picChg>
        <pc:picChg chg="add del">
          <ac:chgData name="Anders Reinholdt Sindberg" userId="52db4fe251303e20" providerId="Windows Live" clId="Web-{BE7A0207-30AB-445E-93F5-A450F5AD8565}" dt="2021-11-29T11:39:12.842" v="138"/>
          <ac:picMkLst>
            <pc:docMk/>
            <pc:sldMk cId="2020136040" sldId="379"/>
            <ac:picMk id="15" creationId="{C58DB9DF-FC34-412E-8E6A-4A6856B91972}"/>
          </ac:picMkLst>
        </pc:picChg>
      </pc:sldChg>
      <pc:sldChg chg="modSp">
        <pc:chgData name="Anders Reinholdt Sindberg" userId="52db4fe251303e20" providerId="Windows Live" clId="Web-{BE7A0207-30AB-445E-93F5-A450F5AD8565}" dt="2021-11-29T12:38:19.392" v="1000" actId="20577"/>
        <pc:sldMkLst>
          <pc:docMk/>
          <pc:sldMk cId="2559074575" sldId="384"/>
        </pc:sldMkLst>
        <pc:spChg chg="mod">
          <ac:chgData name="Anders Reinholdt Sindberg" userId="52db4fe251303e20" providerId="Windows Live" clId="Web-{BE7A0207-30AB-445E-93F5-A450F5AD8565}" dt="2021-11-29T12:38:19.392" v="1000" actId="20577"/>
          <ac:spMkLst>
            <pc:docMk/>
            <pc:sldMk cId="2559074575" sldId="384"/>
            <ac:spMk id="4" creationId="{10BEBA1A-9588-45A6-A4E0-76E4A2BF64A6}"/>
          </ac:spMkLst>
        </pc:spChg>
      </pc:sldChg>
      <pc:sldChg chg="modSp new">
        <pc:chgData name="Anders Reinholdt Sindberg" userId="52db4fe251303e20" providerId="Windows Live" clId="Web-{BE7A0207-30AB-445E-93F5-A450F5AD8565}" dt="2021-11-29T11:46:50.897" v="222" actId="20577"/>
        <pc:sldMkLst>
          <pc:docMk/>
          <pc:sldMk cId="2260296879" sldId="386"/>
        </pc:sldMkLst>
        <pc:spChg chg="mod">
          <ac:chgData name="Anders Reinholdt Sindberg" userId="52db4fe251303e20" providerId="Windows Live" clId="Web-{BE7A0207-30AB-445E-93F5-A450F5AD8565}" dt="2021-11-29T11:46:50.897" v="222" actId="20577"/>
          <ac:spMkLst>
            <pc:docMk/>
            <pc:sldMk cId="2260296879" sldId="386"/>
            <ac:spMk id="2" creationId="{914D8994-E7F9-4EA5-8FEF-3C89CB42AB7A}"/>
          </ac:spMkLst>
        </pc:spChg>
      </pc:sldChg>
      <pc:sldChg chg="new del">
        <pc:chgData name="Anders Reinholdt Sindberg" userId="52db4fe251303e20" providerId="Windows Live" clId="Web-{BE7A0207-30AB-445E-93F5-A450F5AD8565}" dt="2021-11-29T11:28:32.596" v="70"/>
        <pc:sldMkLst>
          <pc:docMk/>
          <pc:sldMk cId="2458418333" sldId="386"/>
        </pc:sldMkLst>
      </pc:sldChg>
      <pc:sldChg chg="new del">
        <pc:chgData name="Anders Reinholdt Sindberg" userId="52db4fe251303e20" providerId="Windows Live" clId="Web-{BE7A0207-30AB-445E-93F5-A450F5AD8565}" dt="2021-11-29T11:23:08.152" v="1"/>
        <pc:sldMkLst>
          <pc:docMk/>
          <pc:sldMk cId="3804198039" sldId="386"/>
        </pc:sldMkLst>
      </pc:sldChg>
      <pc:sldChg chg="new del">
        <pc:chgData name="Anders Reinholdt Sindberg" userId="52db4fe251303e20" providerId="Windows Live" clId="Web-{BE7A0207-30AB-445E-93F5-A450F5AD8565}" dt="2021-11-29T11:47:44.586" v="224"/>
        <pc:sldMkLst>
          <pc:docMk/>
          <pc:sldMk cId="1069411847" sldId="388"/>
        </pc:sldMkLst>
      </pc:sldChg>
      <pc:sldChg chg="new del">
        <pc:chgData name="Anders Reinholdt Sindberg" userId="52db4fe251303e20" providerId="Windows Live" clId="Web-{BE7A0207-30AB-445E-93F5-A450F5AD8565}" dt="2021-11-29T12:05:42.590" v="578"/>
        <pc:sldMkLst>
          <pc:docMk/>
          <pc:sldMk cId="1989102640" sldId="388"/>
        </pc:sldMkLst>
      </pc:sldChg>
      <pc:sldChg chg="modSp">
        <pc:chgData name="Anders Reinholdt Sindberg" userId="52db4fe251303e20" providerId="Windows Live" clId="Web-{BE7A0207-30AB-445E-93F5-A450F5AD8565}" dt="2021-11-29T12:26:44.988" v="991" actId="20577"/>
        <pc:sldMkLst>
          <pc:docMk/>
          <pc:sldMk cId="3042132553" sldId="389"/>
        </pc:sldMkLst>
        <pc:spChg chg="mod">
          <ac:chgData name="Anders Reinholdt Sindberg" userId="52db4fe251303e20" providerId="Windows Live" clId="Web-{BE7A0207-30AB-445E-93F5-A450F5AD8565}" dt="2021-11-29T12:26:44.988" v="991" actId="20577"/>
          <ac:spMkLst>
            <pc:docMk/>
            <pc:sldMk cId="3042132553" sldId="389"/>
            <ac:spMk id="2" creationId="{C57F5650-43A7-4BD2-9615-78B51D23D477}"/>
          </ac:spMkLst>
        </pc:spChg>
      </pc:sldChg>
      <pc:sldChg chg="modSp new">
        <pc:chgData name="Anders Reinholdt Sindberg" userId="52db4fe251303e20" providerId="Windows Live" clId="Web-{BE7A0207-30AB-445E-93F5-A450F5AD8565}" dt="2021-11-29T12:06:04.434" v="607" actId="20577"/>
        <pc:sldMkLst>
          <pc:docMk/>
          <pc:sldMk cId="2216660584" sldId="390"/>
        </pc:sldMkLst>
        <pc:spChg chg="mod">
          <ac:chgData name="Anders Reinholdt Sindberg" userId="52db4fe251303e20" providerId="Windows Live" clId="Web-{BE7A0207-30AB-445E-93F5-A450F5AD8565}" dt="2021-11-29T12:06:04.434" v="607" actId="20577"/>
          <ac:spMkLst>
            <pc:docMk/>
            <pc:sldMk cId="2216660584" sldId="390"/>
            <ac:spMk id="2" creationId="{3421682E-1EF9-447B-98F6-980838A4DA90}"/>
          </ac:spMkLst>
        </pc:spChg>
      </pc:sldChg>
      <pc:sldChg chg="addSp delSp modSp new mod modClrScheme chgLayout">
        <pc:chgData name="Anders Reinholdt Sindberg" userId="52db4fe251303e20" providerId="Windows Live" clId="Web-{BE7A0207-30AB-445E-93F5-A450F5AD8565}" dt="2021-11-29T12:14:43.866" v="848"/>
        <pc:sldMkLst>
          <pc:docMk/>
          <pc:sldMk cId="2737437854" sldId="391"/>
        </pc:sldMkLst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2" creationId="{32FE6614-58D3-4ED2-8C62-963B4CB8467F}"/>
          </ac:spMkLst>
        </pc:spChg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3" creationId="{F3FBA9E0-E64F-405C-94B7-1499CE65EB9C}"/>
          </ac:spMkLst>
        </pc:spChg>
        <pc:spChg chg="del">
          <ac:chgData name="Anders Reinholdt Sindberg" userId="52db4fe251303e20" providerId="Windows Live" clId="Web-{BE7A0207-30AB-445E-93F5-A450F5AD8565}" dt="2021-11-29T12:09:33.219" v="688"/>
          <ac:spMkLst>
            <pc:docMk/>
            <pc:sldMk cId="2737437854" sldId="391"/>
            <ac:spMk id="4" creationId="{242BB0A4-6E0D-4DD8-9025-8143832D5A7D}"/>
          </ac:spMkLst>
        </pc:spChg>
        <pc:spChg chg="mod ord">
          <ac:chgData name="Anders Reinholdt Sindberg" userId="52db4fe251303e20" providerId="Windows Live" clId="Web-{BE7A0207-30AB-445E-93F5-A450F5AD8565}" dt="2021-11-29T12:14:43.866" v="848"/>
          <ac:spMkLst>
            <pc:docMk/>
            <pc:sldMk cId="2737437854" sldId="391"/>
            <ac:spMk id="5" creationId="{563D8946-6E91-4DE4-8AE3-DA1FD119176C}"/>
          </ac:spMkLst>
        </pc:spChg>
        <pc:picChg chg="add mod ord modCrop">
          <ac:chgData name="Anders Reinholdt Sindberg" userId="52db4fe251303e20" providerId="Windows Live" clId="Web-{BE7A0207-30AB-445E-93F5-A450F5AD8565}" dt="2021-11-29T12:14:43.866" v="848"/>
          <ac:picMkLst>
            <pc:docMk/>
            <pc:sldMk cId="2737437854" sldId="391"/>
            <ac:picMk id="6" creationId="{4C2ACBAD-984C-4503-8632-B2C647151ADD}"/>
          </ac:picMkLst>
        </pc:picChg>
      </pc:sldChg>
      <pc:sldChg chg="new del">
        <pc:chgData name="Anders Reinholdt Sindberg" userId="52db4fe251303e20" providerId="Windows Live" clId="Web-{BE7A0207-30AB-445E-93F5-A450F5AD8565}" dt="2021-11-29T12:07:02.060" v="610"/>
        <pc:sldMkLst>
          <pc:docMk/>
          <pc:sldMk cId="3666451501" sldId="391"/>
        </pc:sldMkLst>
      </pc:sldChg>
      <pc:sldChg chg="addSp delSp modSp new">
        <pc:chgData name="Anders Reinholdt Sindberg" userId="52db4fe251303e20" providerId="Windows Live" clId="Web-{BE7A0207-30AB-445E-93F5-A450F5AD8565}" dt="2021-11-29T12:25:22.346" v="956" actId="20577"/>
        <pc:sldMkLst>
          <pc:docMk/>
          <pc:sldMk cId="2586513603" sldId="392"/>
        </pc:sldMkLst>
        <pc:spChg chg="mod">
          <ac:chgData name="Anders Reinholdt Sindberg" userId="52db4fe251303e20" providerId="Windows Live" clId="Web-{BE7A0207-30AB-445E-93F5-A450F5AD8565}" dt="2021-11-29T12:15:46.664" v="855" actId="20577"/>
          <ac:spMkLst>
            <pc:docMk/>
            <pc:sldMk cId="2586513603" sldId="392"/>
            <ac:spMk id="2" creationId="{68E701B8-53FA-467A-B211-2DEC79A1B916}"/>
          </ac:spMkLst>
        </pc:spChg>
        <pc:spChg chg="mod">
          <ac:chgData name="Anders Reinholdt Sindberg" userId="52db4fe251303e20" providerId="Windows Live" clId="Web-{BE7A0207-30AB-445E-93F5-A450F5AD8565}" dt="2021-11-29T12:25:22.346" v="956" actId="20577"/>
          <ac:spMkLst>
            <pc:docMk/>
            <pc:sldMk cId="2586513603" sldId="392"/>
            <ac:spMk id="3" creationId="{218442C3-814F-44EC-9E79-0782FBB42238}"/>
          </ac:spMkLst>
        </pc:spChg>
        <pc:picChg chg="add del mod">
          <ac:chgData name="Anders Reinholdt Sindberg" userId="52db4fe251303e20" providerId="Windows Live" clId="Web-{BE7A0207-30AB-445E-93F5-A450F5AD8565}" dt="2021-11-29T12:14:55.632" v="851"/>
          <ac:picMkLst>
            <pc:docMk/>
            <pc:sldMk cId="2586513603" sldId="392"/>
            <ac:picMk id="4" creationId="{C2565EB0-172F-47C2-A90F-C9102098D3B9}"/>
          </ac:picMkLst>
        </pc:picChg>
      </pc:sldChg>
      <pc:sldChg chg="new del">
        <pc:chgData name="Anders Reinholdt Sindberg" userId="52db4fe251303e20" providerId="Windows Live" clId="Web-{BE7A0207-30AB-445E-93F5-A450F5AD8565}" dt="2021-11-29T12:14:35.350" v="846"/>
        <pc:sldMkLst>
          <pc:docMk/>
          <pc:sldMk cId="3955956185" sldId="392"/>
        </pc:sldMkLst>
      </pc:sldChg>
      <pc:sldChg chg="addSp delSp modSp new">
        <pc:chgData name="Anders Reinholdt Sindberg" userId="52db4fe251303e20" providerId="Windows Live" clId="Web-{BE7A0207-30AB-445E-93F5-A450F5AD8565}" dt="2021-11-29T13:52:12.068" v="2239"/>
        <pc:sldMkLst>
          <pc:docMk/>
          <pc:sldMk cId="521801858" sldId="393"/>
        </pc:sldMkLst>
        <pc:picChg chg="add mod">
          <ac:chgData name="Anders Reinholdt Sindberg" userId="52db4fe251303e20" providerId="Windows Live" clId="Web-{BE7A0207-30AB-445E-93F5-A450F5AD8565}" dt="2021-11-29T12:39:46.972" v="1014" actId="14100"/>
          <ac:picMkLst>
            <pc:docMk/>
            <pc:sldMk cId="521801858" sldId="393"/>
            <ac:picMk id="2" creationId="{6325B2B0-5902-44FA-8433-F8C4CD11F8CB}"/>
          </ac:picMkLst>
        </pc:picChg>
        <pc:picChg chg="add mod">
          <ac:chgData name="Anders Reinholdt Sindberg" userId="52db4fe251303e20" providerId="Windows Live" clId="Web-{BE7A0207-30AB-445E-93F5-A450F5AD8565}" dt="2021-11-29T12:39:29.503" v="1009" actId="1076"/>
          <ac:picMkLst>
            <pc:docMk/>
            <pc:sldMk cId="521801858" sldId="393"/>
            <ac:picMk id="3" creationId="{8FD959B3-EECA-47CE-A17E-4A232576EBEC}"/>
          </ac:picMkLst>
        </pc:picChg>
        <pc:picChg chg="add mod">
          <ac:chgData name="Anders Reinholdt Sindberg" userId="52db4fe251303e20" providerId="Windows Live" clId="Web-{BE7A0207-30AB-445E-93F5-A450F5AD8565}" dt="2021-11-29T12:40:15.160" v="1023" actId="1076"/>
          <ac:picMkLst>
            <pc:docMk/>
            <pc:sldMk cId="521801858" sldId="393"/>
            <ac:picMk id="4" creationId="{FBFB533F-16DF-44B5-A2A3-3A4EDFBAB4AE}"/>
          </ac:picMkLst>
        </pc:picChg>
        <pc:picChg chg="add del mod">
          <ac:chgData name="Anders Reinholdt Sindberg" userId="52db4fe251303e20" providerId="Windows Live" clId="Web-{BE7A0207-30AB-445E-93F5-A450F5AD8565}" dt="2021-11-29T12:40:49.113" v="1032"/>
          <ac:picMkLst>
            <pc:docMk/>
            <pc:sldMk cId="521801858" sldId="393"/>
            <ac:picMk id="5" creationId="{2400816D-1EEF-40FB-A187-A413735F4A0B}"/>
          </ac:picMkLst>
        </pc:picChg>
        <pc:picChg chg="add del mod">
          <ac:chgData name="Anders Reinholdt Sindberg" userId="52db4fe251303e20" providerId="Windows Live" clId="Web-{BE7A0207-30AB-445E-93F5-A450F5AD8565}" dt="2021-11-29T13:52:12.068" v="2239"/>
          <ac:picMkLst>
            <pc:docMk/>
            <pc:sldMk cId="521801858" sldId="393"/>
            <ac:picMk id="6" creationId="{7B41533B-3723-4546-8025-06AEDFA38B22}"/>
          </ac:picMkLst>
        </pc:picChg>
      </pc:sldChg>
      <pc:sldChg chg="addSp modSp new">
        <pc:chgData name="Anders Reinholdt Sindberg" userId="52db4fe251303e20" providerId="Windows Live" clId="Web-{BE7A0207-30AB-445E-93F5-A450F5AD8565}" dt="2021-11-29T12:41:20.895" v="1046" actId="1076"/>
        <pc:sldMkLst>
          <pc:docMk/>
          <pc:sldMk cId="1939980875" sldId="394"/>
        </pc:sldMkLst>
        <pc:picChg chg="add mod">
          <ac:chgData name="Anders Reinholdt Sindberg" userId="52db4fe251303e20" providerId="Windows Live" clId="Web-{BE7A0207-30AB-445E-93F5-A450F5AD8565}" dt="2021-11-29T12:41:20.895" v="1046" actId="1076"/>
          <ac:picMkLst>
            <pc:docMk/>
            <pc:sldMk cId="1939980875" sldId="394"/>
            <ac:picMk id="2" creationId="{3F65F1CD-8FD9-49F1-80F3-4B5B4D63C305}"/>
          </ac:picMkLst>
        </pc:picChg>
        <pc:picChg chg="add mod">
          <ac:chgData name="Anders Reinholdt Sindberg" userId="52db4fe251303e20" providerId="Windows Live" clId="Web-{BE7A0207-30AB-445E-93F5-A450F5AD8565}" dt="2021-11-29T12:41:07.832" v="1041" actId="1076"/>
          <ac:picMkLst>
            <pc:docMk/>
            <pc:sldMk cId="1939980875" sldId="394"/>
            <ac:picMk id="3" creationId="{7A7B10CF-EE5B-452D-91DD-903DECFE8423}"/>
          </ac:picMkLst>
        </pc:picChg>
      </pc:sldChg>
      <pc:sldChg chg="addSp modSp new">
        <pc:chgData name="Anders Reinholdt Sindberg" userId="52db4fe251303e20" providerId="Windows Live" clId="Web-{BE7A0207-30AB-445E-93F5-A450F5AD8565}" dt="2021-11-29T12:41:51.708" v="1050" actId="1076"/>
        <pc:sldMkLst>
          <pc:docMk/>
          <pc:sldMk cId="3110794765" sldId="395"/>
        </pc:sldMkLst>
        <pc:picChg chg="add mod">
          <ac:chgData name="Anders Reinholdt Sindberg" userId="52db4fe251303e20" providerId="Windows Live" clId="Web-{BE7A0207-30AB-445E-93F5-A450F5AD8565}" dt="2021-11-29T12:41:51.708" v="1050" actId="1076"/>
          <ac:picMkLst>
            <pc:docMk/>
            <pc:sldMk cId="3110794765" sldId="395"/>
            <ac:picMk id="2" creationId="{57C0AEA3-EC35-4D9F-86EF-B8E4B74BB6F7}"/>
          </ac:picMkLst>
        </pc:picChg>
      </pc:sldChg>
      <pc:sldChg chg="addSp delSp modSp add ord replId">
        <pc:chgData name="Anders Reinholdt Sindberg" userId="52db4fe251303e20" providerId="Windows Live" clId="Web-{BE7A0207-30AB-445E-93F5-A450F5AD8565}" dt="2021-11-29T13:16:41.091" v="1456" actId="20577"/>
        <pc:sldMkLst>
          <pc:docMk/>
          <pc:sldMk cId="876624690" sldId="396"/>
        </pc:sldMkLst>
        <pc:spChg chg="mod">
          <ac:chgData name="Anders Reinholdt Sindberg" userId="52db4fe251303e20" providerId="Windows Live" clId="Web-{BE7A0207-30AB-445E-93F5-A450F5AD8565}" dt="2021-11-29T13:05:26.844" v="1342" actId="20577"/>
          <ac:spMkLst>
            <pc:docMk/>
            <pc:sldMk cId="876624690" sldId="396"/>
            <ac:spMk id="2" creationId="{BC046435-6D30-4048-BC50-DBE273DBAD7E}"/>
          </ac:spMkLst>
        </pc:spChg>
        <pc:spChg chg="mod">
          <ac:chgData name="Anders Reinholdt Sindberg" userId="52db4fe251303e20" providerId="Windows Live" clId="Web-{BE7A0207-30AB-445E-93F5-A450F5AD8565}" dt="2021-11-29T13:16:41.091" v="1456" actId="20577"/>
          <ac:spMkLst>
            <pc:docMk/>
            <pc:sldMk cId="876624690" sldId="396"/>
            <ac:spMk id="3" creationId="{2B90431B-7D4F-4629-9D7E-292FDB21939F}"/>
          </ac:spMkLst>
        </pc:spChg>
        <pc:picChg chg="add del mod">
          <ac:chgData name="Anders Reinholdt Sindberg" userId="52db4fe251303e20" providerId="Windows Live" clId="Web-{BE7A0207-30AB-445E-93F5-A450F5AD8565}" dt="2021-11-29T12:57:39.710" v="1155"/>
          <ac:picMkLst>
            <pc:docMk/>
            <pc:sldMk cId="876624690" sldId="396"/>
            <ac:picMk id="4" creationId="{A3B0E0F9-B6F9-4D8D-822B-C1D84ABC0FB6}"/>
          </ac:picMkLst>
        </pc:picChg>
        <pc:picChg chg="add mod">
          <ac:chgData name="Anders Reinholdt Sindberg" userId="52db4fe251303e20" providerId="Windows Live" clId="Web-{BE7A0207-30AB-445E-93F5-A450F5AD8565}" dt="2021-11-29T13:00:02.072" v="1229" actId="1076"/>
          <ac:picMkLst>
            <pc:docMk/>
            <pc:sldMk cId="876624690" sldId="396"/>
            <ac:picMk id="6" creationId="{A4556B96-C1C0-4091-A5D8-F9987239A33D}"/>
          </ac:picMkLst>
        </pc:picChg>
        <pc:picChg chg="add del">
          <ac:chgData name="Anders Reinholdt Sindberg" userId="52db4fe251303e20" providerId="Windows Live" clId="Web-{BE7A0207-30AB-445E-93F5-A450F5AD8565}" dt="2021-11-29T12:57:40.648" v="1156"/>
          <ac:picMkLst>
            <pc:docMk/>
            <pc:sldMk cId="876624690" sldId="396"/>
            <ac:picMk id="17" creationId="{A22AF8E0-5FDE-4343-ACD3-9629F2F58EEF}"/>
          </ac:picMkLst>
        </pc:picChg>
      </pc:sldChg>
      <pc:sldChg chg="modSp">
        <pc:chgData name="Anders Reinholdt Sindberg" userId="52db4fe251303e20" providerId="Windows Live" clId="Web-{BE7A0207-30AB-445E-93F5-A450F5AD8565}" dt="2021-11-29T13:28:26.729" v="1809" actId="20577"/>
        <pc:sldMkLst>
          <pc:docMk/>
          <pc:sldMk cId="1148865772" sldId="397"/>
        </pc:sldMkLst>
        <pc:spChg chg="mod">
          <ac:chgData name="Anders Reinholdt Sindberg" userId="52db4fe251303e20" providerId="Windows Live" clId="Web-{BE7A0207-30AB-445E-93F5-A450F5AD8565}" dt="2021-11-29T13:19:10.875" v="1494" actId="20577"/>
          <ac:spMkLst>
            <pc:docMk/>
            <pc:sldMk cId="1148865772" sldId="397"/>
            <ac:spMk id="2" creationId="{0D84573E-E917-4FFF-9C88-13B53795538C}"/>
          </ac:spMkLst>
        </pc:spChg>
        <pc:spChg chg="mod">
          <ac:chgData name="Anders Reinholdt Sindberg" userId="52db4fe251303e20" providerId="Windows Live" clId="Web-{BE7A0207-30AB-445E-93F5-A450F5AD8565}" dt="2021-11-29T13:28:26.729" v="1809" actId="20577"/>
          <ac:spMkLst>
            <pc:docMk/>
            <pc:sldMk cId="1148865772" sldId="397"/>
            <ac:spMk id="3" creationId="{72E744E1-DC70-4518-B004-3D5F545E22F0}"/>
          </ac:spMkLst>
        </pc:spChg>
        <pc:spChg chg="mod">
          <ac:chgData name="Anders Reinholdt Sindberg" userId="52db4fe251303e20" providerId="Windows Live" clId="Web-{BE7A0207-30AB-445E-93F5-A450F5AD8565}" dt="2021-11-29T13:27:19.306" v="1720" actId="20577"/>
          <ac:spMkLst>
            <pc:docMk/>
            <pc:sldMk cId="1148865772" sldId="397"/>
            <ac:spMk id="5" creationId="{9A9136CF-5D3E-433A-B512-59D1571A55F9}"/>
          </ac:spMkLst>
        </pc:spChg>
      </pc:sldChg>
      <pc:sldChg chg="addSp delSp modSp new">
        <pc:chgData name="Anders Reinholdt Sindberg" userId="52db4fe251303e20" providerId="Windows Live" clId="Web-{BE7A0207-30AB-445E-93F5-A450F5AD8565}" dt="2021-11-29T13:46:59.452" v="2232" actId="20577"/>
        <pc:sldMkLst>
          <pc:docMk/>
          <pc:sldMk cId="1108926395" sldId="398"/>
        </pc:sldMkLst>
        <pc:spChg chg="mod">
          <ac:chgData name="Anders Reinholdt Sindberg" userId="52db4fe251303e20" providerId="Windows Live" clId="Web-{BE7A0207-30AB-445E-93F5-A450F5AD8565}" dt="2021-11-29T13:28:46.463" v="1812" actId="20577"/>
          <ac:spMkLst>
            <pc:docMk/>
            <pc:sldMk cId="1108926395" sldId="398"/>
            <ac:spMk id="2" creationId="{74F5D567-B112-450B-A451-EAE7BA28F50B}"/>
          </ac:spMkLst>
        </pc:spChg>
        <pc:spChg chg="del mod">
          <ac:chgData name="Anders Reinholdt Sindberg" userId="52db4fe251303e20" providerId="Windows Live" clId="Web-{BE7A0207-30AB-445E-93F5-A450F5AD8565}" dt="2021-11-29T13:32:33.452" v="1945"/>
          <ac:spMkLst>
            <pc:docMk/>
            <pc:sldMk cId="1108926395" sldId="398"/>
            <ac:spMk id="3" creationId="{716A32AF-0B1A-462B-BD28-B72E77F05997}"/>
          </ac:spMkLst>
        </pc:spChg>
        <pc:spChg chg="mod">
          <ac:chgData name="Anders Reinholdt Sindberg" userId="52db4fe251303e20" providerId="Windows Live" clId="Web-{BE7A0207-30AB-445E-93F5-A450F5AD8565}" dt="2021-11-29T13:46:59.452" v="2232" actId="20577"/>
          <ac:spMkLst>
            <pc:docMk/>
            <pc:sldMk cId="1108926395" sldId="398"/>
            <ac:spMk id="6" creationId="{340119BF-4AAB-4970-9F31-7E5230A0E1E2}"/>
          </ac:spMkLst>
        </pc:spChg>
        <pc:spChg chg="mod">
          <ac:chgData name="Anders Reinholdt Sindberg" userId="52db4fe251303e20" providerId="Windows Live" clId="Web-{BE7A0207-30AB-445E-93F5-A450F5AD8565}" dt="2021-11-29T13:33:06.250" v="1951" actId="1076"/>
          <ac:spMkLst>
            <pc:docMk/>
            <pc:sldMk cId="1108926395" sldId="398"/>
            <ac:spMk id="11" creationId="{B15CBFAB-C299-4E0E-8C0E-3107D105B543}"/>
          </ac:spMkLst>
        </pc:spChg>
        <pc:spChg chg="add del mod">
          <ac:chgData name="Anders Reinholdt Sindberg" userId="52db4fe251303e20" providerId="Windows Live" clId="Web-{BE7A0207-30AB-445E-93F5-A450F5AD8565}" dt="2021-11-29T13:32:37.499" v="1946"/>
          <ac:spMkLst>
            <pc:docMk/>
            <pc:sldMk cId="1108926395" sldId="398"/>
            <ac:spMk id="12" creationId="{BF41846E-A082-4D09-A0AF-1BAA2CB5A560}"/>
          </ac:spMkLst>
        </pc:spChg>
        <pc:picChg chg="add mod">
          <ac:chgData name="Anders Reinholdt Sindberg" userId="52db4fe251303e20" providerId="Windows Live" clId="Web-{BE7A0207-30AB-445E-93F5-A450F5AD8565}" dt="2021-11-29T13:34:01.438" v="1969" actId="1076"/>
          <ac:picMkLst>
            <pc:docMk/>
            <pc:sldMk cId="1108926395" sldId="398"/>
            <ac:picMk id="7" creationId="{9A84947E-D315-436E-A8DB-5A129871112C}"/>
          </ac:picMkLst>
        </pc:picChg>
        <pc:picChg chg="add mod">
          <ac:chgData name="Anders Reinholdt Sindberg" userId="52db4fe251303e20" providerId="Windows Live" clId="Web-{BE7A0207-30AB-445E-93F5-A450F5AD8565}" dt="2021-11-29T13:33:29.406" v="1957" actId="1076"/>
          <ac:picMkLst>
            <pc:docMk/>
            <pc:sldMk cId="1108926395" sldId="398"/>
            <ac:picMk id="9" creationId="{69A5F4E7-55C2-45BE-96AE-6942F007DCE5}"/>
          </ac:picMkLst>
        </pc:picChg>
      </pc:sldChg>
      <pc:sldChg chg="addSp delSp modSp new">
        <pc:chgData name="Anders Reinholdt Sindberg" userId="52db4fe251303e20" providerId="Windows Live" clId="Web-{BE7A0207-30AB-445E-93F5-A450F5AD8565}" dt="2021-11-29T14:05:50.177" v="2367" actId="20577"/>
        <pc:sldMkLst>
          <pc:docMk/>
          <pc:sldMk cId="1799666557" sldId="400"/>
        </pc:sldMkLst>
        <pc:spChg chg="mod">
          <ac:chgData name="Anders Reinholdt Sindberg" userId="52db4fe251303e20" providerId="Windows Live" clId="Web-{BE7A0207-30AB-445E-93F5-A450F5AD8565}" dt="2021-11-29T14:02:31.204" v="2278" actId="20577"/>
          <ac:spMkLst>
            <pc:docMk/>
            <pc:sldMk cId="1799666557" sldId="400"/>
            <ac:spMk id="2" creationId="{82B10426-84D7-49FA-AF18-A55A391C3BD2}"/>
          </ac:spMkLst>
        </pc:spChg>
        <pc:spChg chg="add del mod">
          <ac:chgData name="Anders Reinholdt Sindberg" userId="52db4fe251303e20" providerId="Windows Live" clId="Web-{BE7A0207-30AB-445E-93F5-A450F5AD8565}" dt="2021-11-29T14:05:50.177" v="2367" actId="20577"/>
          <ac:spMkLst>
            <pc:docMk/>
            <pc:sldMk cId="1799666557" sldId="400"/>
            <ac:spMk id="3" creationId="{3184366D-61A3-4221-9E73-232338CDE558}"/>
          </ac:spMkLst>
        </pc:spChg>
        <pc:spChg chg="del">
          <ac:chgData name="Anders Reinholdt Sindberg" userId="52db4fe251303e20" providerId="Windows Live" clId="Web-{BE7A0207-30AB-445E-93F5-A450F5AD8565}" dt="2021-11-29T13:52:46.303" v="2242"/>
          <ac:spMkLst>
            <pc:docMk/>
            <pc:sldMk cId="1799666557" sldId="400"/>
            <ac:spMk id="4" creationId="{7C17412E-8618-4465-AB1D-2FF0A006296C}"/>
          </ac:spMkLst>
        </pc:spChg>
        <pc:spChg chg="add del mod">
          <ac:chgData name="Anders Reinholdt Sindberg" userId="52db4fe251303e20" providerId="Windows Live" clId="Web-{BE7A0207-30AB-445E-93F5-A450F5AD8565}" dt="2021-11-29T14:01:51.688" v="2252"/>
          <ac:spMkLst>
            <pc:docMk/>
            <pc:sldMk cId="1799666557" sldId="400"/>
            <ac:spMk id="10" creationId="{89E10CDB-983D-43ED-8B6E-EEF057FBDB47}"/>
          </ac:spMkLst>
        </pc:spChg>
        <pc:picChg chg="add del mod ord">
          <ac:chgData name="Anders Reinholdt Sindberg" userId="52db4fe251303e20" providerId="Windows Live" clId="Web-{BE7A0207-30AB-445E-93F5-A450F5AD8565}" dt="2021-11-29T13:51:11.067" v="2235"/>
          <ac:picMkLst>
            <pc:docMk/>
            <pc:sldMk cId="1799666557" sldId="400"/>
            <ac:picMk id="6" creationId="{2C2B8FB1-B2D6-4F3B-86B5-E0CD25ACC82D}"/>
          </ac:picMkLst>
        </pc:picChg>
        <pc:picChg chg="add del mod ord">
          <ac:chgData name="Anders Reinholdt Sindberg" userId="52db4fe251303e20" providerId="Windows Live" clId="Web-{BE7A0207-30AB-445E-93F5-A450F5AD8565}" dt="2021-11-29T13:52:43.881" v="2241"/>
          <ac:picMkLst>
            <pc:docMk/>
            <pc:sldMk cId="1799666557" sldId="400"/>
            <ac:picMk id="7" creationId="{ED8874D9-D251-461B-AF18-97BD6690C9A1}"/>
          </ac:picMkLst>
        </pc:picChg>
        <pc:picChg chg="add del mod ord modCrop">
          <ac:chgData name="Anders Reinholdt Sindberg" userId="52db4fe251303e20" providerId="Windows Live" clId="Web-{BE7A0207-30AB-445E-93F5-A450F5AD8565}" dt="2021-11-29T14:00:54.843" v="2243"/>
          <ac:picMkLst>
            <pc:docMk/>
            <pc:sldMk cId="1799666557" sldId="400"/>
            <ac:picMk id="8" creationId="{C088B3C7-3B19-4EEC-BE42-E83AD5599B5A}"/>
          </ac:picMkLst>
        </pc:picChg>
        <pc:picChg chg="add del mod ord">
          <ac:chgData name="Anders Reinholdt Sindberg" userId="52db4fe251303e20" providerId="Windows Live" clId="Web-{BE7A0207-30AB-445E-93F5-A450F5AD8565}" dt="2021-11-29T14:00:58.718" v="2245"/>
          <ac:picMkLst>
            <pc:docMk/>
            <pc:sldMk cId="1799666557" sldId="400"/>
            <ac:picMk id="11" creationId="{2B31106E-AEB4-4D96-820A-0121A91464DA}"/>
          </ac:picMkLst>
        </pc:picChg>
        <pc:picChg chg="add del mod ord modCrop">
          <ac:chgData name="Anders Reinholdt Sindberg" userId="52db4fe251303e20" providerId="Windows Live" clId="Web-{BE7A0207-30AB-445E-93F5-A450F5AD8565}" dt="2021-11-29T14:01:02.343" v="2247"/>
          <ac:picMkLst>
            <pc:docMk/>
            <pc:sldMk cId="1799666557" sldId="400"/>
            <ac:picMk id="12" creationId="{9764E8B1-A300-4E0D-8367-DB7200D205A1}"/>
          </ac:picMkLst>
        </pc:picChg>
        <pc:picChg chg="add del mod ord">
          <ac:chgData name="Anders Reinholdt Sindberg" userId="52db4fe251303e20" providerId="Windows Live" clId="Web-{BE7A0207-30AB-445E-93F5-A450F5AD8565}" dt="2021-11-29T14:01:06.796" v="2249"/>
          <ac:picMkLst>
            <pc:docMk/>
            <pc:sldMk cId="1799666557" sldId="400"/>
            <ac:picMk id="13" creationId="{B656D069-9985-4C9B-8460-B215A8F71EEB}"/>
          </ac:picMkLst>
        </pc:picChg>
        <pc:picChg chg="add del mod ord">
          <ac:chgData name="Anders Reinholdt Sindberg" userId="52db4fe251303e20" providerId="Windows Live" clId="Web-{BE7A0207-30AB-445E-93F5-A450F5AD8565}" dt="2021-11-29T14:01:10.781" v="2251"/>
          <ac:picMkLst>
            <pc:docMk/>
            <pc:sldMk cId="1799666557" sldId="400"/>
            <ac:picMk id="14" creationId="{A627E6FD-7BBF-4D20-A276-8852F22CA571}"/>
          </ac:picMkLst>
        </pc:picChg>
        <pc:picChg chg="add mod ord modCrop">
          <ac:chgData name="Anders Reinholdt Sindberg" userId="52db4fe251303e20" providerId="Windows Live" clId="Web-{BE7A0207-30AB-445E-93F5-A450F5AD8565}" dt="2021-11-29T14:01:51.688" v="2252"/>
          <ac:picMkLst>
            <pc:docMk/>
            <pc:sldMk cId="1799666557" sldId="400"/>
            <ac:picMk id="15" creationId="{54157601-D244-4CA3-A46F-143489A9859D}"/>
          </ac:picMkLst>
        </pc:picChg>
      </pc:sldChg>
    </pc:docChg>
  </pc:docChgLst>
  <pc:docChgLst>
    <pc:chgData name="Anders Reinholdt Sindberg" userId="52db4fe251303e20" providerId="LiveId" clId="{BACCBC7C-532D-4EAE-86ED-ED6F9C830DDD}"/>
    <pc:docChg chg="undo redo custSel modSld">
      <pc:chgData name="Anders Reinholdt Sindberg" userId="52db4fe251303e20" providerId="LiveId" clId="{BACCBC7C-532D-4EAE-86ED-ED6F9C830DDD}" dt="2021-11-29T20:06:16.009" v="96" actId="20577"/>
      <pc:docMkLst>
        <pc:docMk/>
      </pc:docMkLst>
      <pc:sldChg chg="modSp mod">
        <pc:chgData name="Anders Reinholdt Sindberg" userId="52db4fe251303e20" providerId="LiveId" clId="{BACCBC7C-532D-4EAE-86ED-ED6F9C830DDD}" dt="2021-11-29T20:06:07.874" v="94" actId="20577"/>
        <pc:sldMkLst>
          <pc:docMk/>
          <pc:sldMk cId="463562986" sldId="312"/>
        </pc:sldMkLst>
        <pc:spChg chg="mod">
          <ac:chgData name="Anders Reinholdt Sindberg" userId="52db4fe251303e20" providerId="LiveId" clId="{BACCBC7C-532D-4EAE-86ED-ED6F9C830DDD}" dt="2021-11-29T20:06:07.874" v="94" actId="20577"/>
          <ac:spMkLst>
            <pc:docMk/>
            <pc:sldMk cId="463562986" sldId="312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19:40:36.110" v="0" actId="20577"/>
        <pc:sldMkLst>
          <pc:docMk/>
          <pc:sldMk cId="2443623805" sldId="374"/>
        </pc:sldMkLst>
        <pc:spChg chg="mod">
          <ac:chgData name="Anders Reinholdt Sindberg" userId="52db4fe251303e20" providerId="LiveId" clId="{BACCBC7C-532D-4EAE-86ED-ED6F9C830DDD}" dt="2021-11-29T19:40:36.110" v="0" actId="20577"/>
          <ac:spMkLst>
            <pc:docMk/>
            <pc:sldMk cId="2443623805" sldId="374"/>
            <ac:spMk id="11" creationId="{9AB046E7-81C0-4877-BE68-ED5956A974D1}"/>
          </ac:spMkLst>
        </pc:spChg>
      </pc:sldChg>
      <pc:sldChg chg="modSp mod">
        <pc:chgData name="Anders Reinholdt Sindberg" userId="52db4fe251303e20" providerId="LiveId" clId="{BACCBC7C-532D-4EAE-86ED-ED6F9C830DDD}" dt="2021-11-29T20:06:10.945" v="95" actId="20577"/>
        <pc:sldMkLst>
          <pc:docMk/>
          <pc:sldMk cId="394097973" sldId="387"/>
        </pc:sldMkLst>
        <pc:spChg chg="mod">
          <ac:chgData name="Anders Reinholdt Sindberg" userId="52db4fe251303e20" providerId="LiveId" clId="{BACCBC7C-532D-4EAE-86ED-ED6F9C830DDD}" dt="2021-11-29T20:06:10.945" v="95" actId="20577"/>
          <ac:spMkLst>
            <pc:docMk/>
            <pc:sldMk cId="394097973" sldId="387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20:00:16.314" v="56" actId="12"/>
        <pc:sldMkLst>
          <pc:docMk/>
          <pc:sldMk cId="2737437854" sldId="391"/>
        </pc:sldMkLst>
        <pc:spChg chg="mod">
          <ac:chgData name="Anders Reinholdt Sindberg" userId="52db4fe251303e20" providerId="LiveId" clId="{BACCBC7C-532D-4EAE-86ED-ED6F9C830DDD}" dt="2021-11-29T20:00:16.314" v="56" actId="12"/>
          <ac:spMkLst>
            <pc:docMk/>
            <pc:sldMk cId="2737437854" sldId="391"/>
            <ac:spMk id="3" creationId="{F3FBA9E0-E64F-405C-94B7-1499CE65EB9C}"/>
          </ac:spMkLst>
        </pc:spChg>
      </pc:sldChg>
      <pc:sldChg chg="modSp mod">
        <pc:chgData name="Anders Reinholdt Sindberg" userId="52db4fe251303e20" providerId="LiveId" clId="{BACCBC7C-532D-4EAE-86ED-ED6F9C830DDD}" dt="2021-11-29T20:02:28.627" v="68" actId="20577"/>
        <pc:sldMkLst>
          <pc:docMk/>
          <pc:sldMk cId="876624690" sldId="396"/>
        </pc:sldMkLst>
        <pc:spChg chg="mod">
          <ac:chgData name="Anders Reinholdt Sindberg" userId="52db4fe251303e20" providerId="LiveId" clId="{BACCBC7C-532D-4EAE-86ED-ED6F9C830DDD}" dt="2021-11-29T20:02:28.627" v="68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modSp mod">
        <pc:chgData name="Anders Reinholdt Sindberg" userId="52db4fe251303e20" providerId="LiveId" clId="{BACCBC7C-532D-4EAE-86ED-ED6F9C830DDD}" dt="2021-11-29T19:46:14.607" v="46" actId="3064"/>
        <pc:sldMkLst>
          <pc:docMk/>
          <pc:sldMk cId="1148865772" sldId="397"/>
        </pc:sldMkLst>
        <pc:spChg chg="mod">
          <ac:chgData name="Anders Reinholdt Sindberg" userId="52db4fe251303e20" providerId="LiveId" clId="{BACCBC7C-532D-4EAE-86ED-ED6F9C830DDD}" dt="2021-11-29T19:46:14.607" v="46" actId="3064"/>
          <ac:spMkLst>
            <pc:docMk/>
            <pc:sldMk cId="1148865772" sldId="397"/>
            <ac:spMk id="3" creationId="{72E744E1-DC70-4518-B004-3D5F545E22F0}"/>
          </ac:spMkLst>
        </pc:spChg>
      </pc:sldChg>
      <pc:sldChg chg="modSp mod">
        <pc:chgData name="Anders Reinholdt Sindberg" userId="52db4fe251303e20" providerId="LiveId" clId="{BACCBC7C-532D-4EAE-86ED-ED6F9C830DDD}" dt="2021-11-29T20:03:13.186" v="78" actId="20577"/>
        <pc:sldMkLst>
          <pc:docMk/>
          <pc:sldMk cId="1108926395" sldId="398"/>
        </pc:sldMkLst>
        <pc:spChg chg="mod">
          <ac:chgData name="Anders Reinholdt Sindberg" userId="52db4fe251303e20" providerId="LiveId" clId="{BACCBC7C-532D-4EAE-86ED-ED6F9C830DDD}" dt="2021-11-29T20:03:13.186" v="78" actId="20577"/>
          <ac:spMkLst>
            <pc:docMk/>
            <pc:sldMk cId="1108926395" sldId="398"/>
            <ac:spMk id="6" creationId="{340119BF-4AAB-4970-9F31-7E5230A0E1E2}"/>
          </ac:spMkLst>
        </pc:spChg>
      </pc:sldChg>
      <pc:sldChg chg="modSp mod">
        <pc:chgData name="Anders Reinholdt Sindberg" userId="52db4fe251303e20" providerId="LiveId" clId="{BACCBC7C-532D-4EAE-86ED-ED6F9C830DDD}" dt="2021-11-29T19:41:32.566" v="23" actId="20577"/>
        <pc:sldMkLst>
          <pc:docMk/>
          <pc:sldMk cId="2293003390" sldId="402"/>
        </pc:sldMkLst>
        <pc:spChg chg="mod">
          <ac:chgData name="Anders Reinholdt Sindberg" userId="52db4fe251303e20" providerId="LiveId" clId="{BACCBC7C-532D-4EAE-86ED-ED6F9C830DDD}" dt="2021-11-29T19:41:32.566" v="23" actId="20577"/>
          <ac:spMkLst>
            <pc:docMk/>
            <pc:sldMk cId="2293003390" sldId="402"/>
            <ac:spMk id="6" creationId="{D5B9B064-7CC4-4D20-BC9A-DDD535206EBA}"/>
          </ac:spMkLst>
        </pc:spChg>
      </pc:sldChg>
      <pc:sldChg chg="modSp mod">
        <pc:chgData name="Anders Reinholdt Sindberg" userId="52db4fe251303e20" providerId="LiveId" clId="{BACCBC7C-532D-4EAE-86ED-ED6F9C830DDD}" dt="2021-11-29T19:41:48.817" v="25" actId="20577"/>
        <pc:sldMkLst>
          <pc:docMk/>
          <pc:sldMk cId="2851506793" sldId="403"/>
        </pc:sldMkLst>
        <pc:spChg chg="mod">
          <ac:chgData name="Anders Reinholdt Sindberg" userId="52db4fe251303e20" providerId="LiveId" clId="{BACCBC7C-532D-4EAE-86ED-ED6F9C830DDD}" dt="2021-11-29T19:41:48.817" v="25" actId="20577"/>
          <ac:spMkLst>
            <pc:docMk/>
            <pc:sldMk cId="2851506793" sldId="403"/>
            <ac:spMk id="6" creationId="{D5B9B064-7CC4-4D20-BC9A-DDD535206EBA}"/>
          </ac:spMkLst>
        </pc:spChg>
      </pc:sldChg>
      <pc:sldChg chg="modSp mod">
        <pc:chgData name="Anders Reinholdt Sindberg" userId="52db4fe251303e20" providerId="LiveId" clId="{BACCBC7C-532D-4EAE-86ED-ED6F9C830DDD}" dt="2021-11-29T20:06:16.009" v="96" actId="20577"/>
        <pc:sldMkLst>
          <pc:docMk/>
          <pc:sldMk cId="2664067778" sldId="404"/>
        </pc:sldMkLst>
        <pc:spChg chg="mod">
          <ac:chgData name="Anders Reinholdt Sindberg" userId="52db4fe251303e20" providerId="LiveId" clId="{BACCBC7C-532D-4EAE-86ED-ED6F9C830DDD}" dt="2021-11-29T20:06:16.009" v="96" actId="20577"/>
          <ac:spMkLst>
            <pc:docMk/>
            <pc:sldMk cId="2664067778" sldId="404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19:42:32.834" v="27" actId="20577"/>
        <pc:sldMkLst>
          <pc:docMk/>
          <pc:sldMk cId="672455812" sldId="409"/>
        </pc:sldMkLst>
        <pc:spChg chg="mod">
          <ac:chgData name="Anders Reinholdt Sindberg" userId="52db4fe251303e20" providerId="LiveId" clId="{BACCBC7C-532D-4EAE-86ED-ED6F9C830DDD}" dt="2021-11-29T19:42:32.834" v="27" actId="20577"/>
          <ac:spMkLst>
            <pc:docMk/>
            <pc:sldMk cId="672455812" sldId="409"/>
            <ac:spMk id="11" creationId="{9AB046E7-81C0-4877-BE68-ED5956A974D1}"/>
          </ac:spMkLst>
        </pc:spChg>
      </pc:sldChg>
      <pc:sldChg chg="modSp mod">
        <pc:chgData name="Anders Reinholdt Sindberg" userId="52db4fe251303e20" providerId="LiveId" clId="{BACCBC7C-532D-4EAE-86ED-ED6F9C830DDD}" dt="2021-11-29T19:42:52.076" v="30" actId="20577"/>
        <pc:sldMkLst>
          <pc:docMk/>
          <pc:sldMk cId="2421702181" sldId="410"/>
        </pc:sldMkLst>
        <pc:spChg chg="mod">
          <ac:chgData name="Anders Reinholdt Sindberg" userId="52db4fe251303e20" providerId="LiveId" clId="{BACCBC7C-532D-4EAE-86ED-ED6F9C830DDD}" dt="2021-11-29T19:42:52.076" v="30" actId="20577"/>
          <ac:spMkLst>
            <pc:docMk/>
            <pc:sldMk cId="2421702181" sldId="410"/>
            <ac:spMk id="3" creationId="{41204C70-7AEE-4DEC-BFD1-7BEF27352BC3}"/>
          </ac:spMkLst>
        </pc:spChg>
      </pc:sldChg>
      <pc:sldChg chg="modSp mod">
        <pc:chgData name="Anders Reinholdt Sindberg" userId="52db4fe251303e20" providerId="LiveId" clId="{BACCBC7C-532D-4EAE-86ED-ED6F9C830DDD}" dt="2021-11-29T20:04:25.909" v="79" actId="20577"/>
        <pc:sldMkLst>
          <pc:docMk/>
          <pc:sldMk cId="1541039329" sldId="411"/>
        </pc:sldMkLst>
        <pc:spChg chg="mod">
          <ac:chgData name="Anders Reinholdt Sindberg" userId="52db4fe251303e20" providerId="LiveId" clId="{BACCBC7C-532D-4EAE-86ED-ED6F9C830DDD}" dt="2021-11-29T20:04:25.909" v="79" actId="20577"/>
          <ac:spMkLst>
            <pc:docMk/>
            <pc:sldMk cId="1541039329" sldId="411"/>
            <ac:spMk id="3" creationId="{C9A64EAE-A6BB-44FB-8242-2326EB022ACF}"/>
          </ac:spMkLst>
        </pc:spChg>
      </pc:sldChg>
      <pc:sldChg chg="delSp modSp mod">
        <pc:chgData name="Anders Reinholdt Sindberg" userId="52db4fe251303e20" providerId="LiveId" clId="{BACCBC7C-532D-4EAE-86ED-ED6F9C830DDD}" dt="2021-11-29T20:04:40.506" v="80" actId="20577"/>
        <pc:sldMkLst>
          <pc:docMk/>
          <pc:sldMk cId="4234443891" sldId="413"/>
        </pc:sldMkLst>
        <pc:spChg chg="mod">
          <ac:chgData name="Anders Reinholdt Sindberg" userId="52db4fe251303e20" providerId="LiveId" clId="{BACCBC7C-532D-4EAE-86ED-ED6F9C830DDD}" dt="2021-11-29T20:04:40.506" v="80" actId="20577"/>
          <ac:spMkLst>
            <pc:docMk/>
            <pc:sldMk cId="4234443891" sldId="413"/>
            <ac:spMk id="3" creationId="{BCFE2E69-AEBB-4616-AC63-DB03E548A427}"/>
          </ac:spMkLst>
        </pc:spChg>
        <pc:spChg chg="del">
          <ac:chgData name="Anders Reinholdt Sindberg" userId="52db4fe251303e20" providerId="LiveId" clId="{BACCBC7C-532D-4EAE-86ED-ED6F9C830DDD}" dt="2021-11-29T19:43:14.479" v="38" actId="478"/>
          <ac:spMkLst>
            <pc:docMk/>
            <pc:sldMk cId="4234443891" sldId="413"/>
            <ac:spMk id="4" creationId="{C8B958D0-AB50-46C0-83E4-2E0F502DC66E}"/>
          </ac:spMkLst>
        </pc:spChg>
        <pc:spChg chg="mod">
          <ac:chgData name="Anders Reinholdt Sindberg" userId="52db4fe251303e20" providerId="LiveId" clId="{BACCBC7C-532D-4EAE-86ED-ED6F9C830DDD}" dt="2021-11-29T19:43:11.775" v="37" actId="1036"/>
          <ac:spMkLst>
            <pc:docMk/>
            <pc:sldMk cId="4234443891" sldId="413"/>
            <ac:spMk id="6" creationId="{0662CE15-A666-4C42-989D-FC3A78DA98EA}"/>
          </ac:spMkLst>
        </pc:spChg>
      </pc:sldChg>
      <pc:sldChg chg="modSp mod">
        <pc:chgData name="Anders Reinholdt Sindberg" userId="52db4fe251303e20" providerId="LiveId" clId="{BACCBC7C-532D-4EAE-86ED-ED6F9C830DDD}" dt="2021-11-29T20:05:47.913" v="93" actId="20577"/>
        <pc:sldMkLst>
          <pc:docMk/>
          <pc:sldMk cId="3632742281" sldId="414"/>
        </pc:sldMkLst>
        <pc:spChg chg="mod">
          <ac:chgData name="Anders Reinholdt Sindberg" userId="52db4fe251303e20" providerId="LiveId" clId="{BACCBC7C-532D-4EAE-86ED-ED6F9C830DDD}" dt="2021-11-29T20:05:47.913" v="93" actId="20577"/>
          <ac:spMkLst>
            <pc:docMk/>
            <pc:sldMk cId="3632742281" sldId="414"/>
            <ac:spMk id="3" creationId="{DDEE5D33-CF82-4237-9690-681F7DCBAB33}"/>
          </ac:spMkLst>
        </pc:spChg>
      </pc:sldChg>
      <pc:sldChg chg="modSp mod">
        <pc:chgData name="Anders Reinholdt Sindberg" userId="52db4fe251303e20" providerId="LiveId" clId="{BACCBC7C-532D-4EAE-86ED-ED6F9C830DDD}" dt="2021-11-29T20:04:58.244" v="81" actId="20577"/>
        <pc:sldMkLst>
          <pc:docMk/>
          <pc:sldMk cId="176717945" sldId="415"/>
        </pc:sldMkLst>
        <pc:spChg chg="mod">
          <ac:chgData name="Anders Reinholdt Sindberg" userId="52db4fe251303e20" providerId="LiveId" clId="{BACCBC7C-532D-4EAE-86ED-ED6F9C830DDD}" dt="2021-11-29T20:04:58.244" v="81" actId="20577"/>
          <ac:spMkLst>
            <pc:docMk/>
            <pc:sldMk cId="176717945" sldId="415"/>
            <ac:spMk id="3" creationId="{FF2A085F-63FE-47CF-920A-DF25CD188EB3}"/>
          </ac:spMkLst>
        </pc:spChg>
      </pc:sldChg>
      <pc:sldChg chg="modSp mod">
        <pc:chgData name="Anders Reinholdt Sindberg" userId="52db4fe251303e20" providerId="LiveId" clId="{BACCBC7C-532D-4EAE-86ED-ED6F9C830DDD}" dt="2021-11-29T20:05:35.367" v="89" actId="20577"/>
        <pc:sldMkLst>
          <pc:docMk/>
          <pc:sldMk cId="2040168080" sldId="417"/>
        </pc:sldMkLst>
        <pc:spChg chg="mod">
          <ac:chgData name="Anders Reinholdt Sindberg" userId="52db4fe251303e20" providerId="LiveId" clId="{BACCBC7C-532D-4EAE-86ED-ED6F9C830DDD}" dt="2021-11-29T20:05:35.367" v="89" actId="20577"/>
          <ac:spMkLst>
            <pc:docMk/>
            <pc:sldMk cId="2040168080" sldId="417"/>
            <ac:spMk id="3" creationId="{DDEE5D33-CF82-4237-9690-681F7DCBAB33}"/>
          </ac:spMkLst>
        </pc:spChg>
      </pc:sldChg>
    </pc:docChg>
  </pc:docChgLst>
  <pc:docChgLst>
    <pc:chgData name="Anders Reinholdt Sindberg" userId="52db4fe251303e20" providerId="Windows Live" clId="Web-{EEA2F681-9FFE-432B-AB0B-03BE5630DB34}"/>
    <pc:docChg chg="addSld delSld modSld sldOrd">
      <pc:chgData name="Anders Reinholdt Sindberg" userId="52db4fe251303e20" providerId="Windows Live" clId="Web-{EEA2F681-9FFE-432B-AB0B-03BE5630DB34}" dt="2021-11-29T17:35:29.506" v="3707"/>
      <pc:docMkLst>
        <pc:docMk/>
      </pc:docMkLst>
      <pc:sldChg chg="modSp">
        <pc:chgData name="Anders Reinholdt Sindberg" userId="52db4fe251303e20" providerId="Windows Live" clId="Web-{EEA2F681-9FFE-432B-AB0B-03BE5630DB34}" dt="2021-11-29T16:15:01.079" v="0" actId="20577"/>
        <pc:sldMkLst>
          <pc:docMk/>
          <pc:sldMk cId="1323008965" sldId="334"/>
        </pc:sldMkLst>
        <pc:spChg chg="mod">
          <ac:chgData name="Anders Reinholdt Sindberg" userId="52db4fe251303e20" providerId="Windows Live" clId="Web-{EEA2F681-9FFE-432B-AB0B-03BE5630DB34}" dt="2021-11-29T16:15:01.079" v="0" actId="20577"/>
          <ac:spMkLst>
            <pc:docMk/>
            <pc:sldMk cId="1323008965" sldId="334"/>
            <ac:spMk id="3" creationId="{8CB8B8DB-B24E-47F8-8F69-A13D5263C6B5}"/>
          </ac:spMkLst>
        </pc:spChg>
      </pc:sldChg>
      <pc:sldChg chg="del">
        <pc:chgData name="Anders Reinholdt Sindberg" userId="52db4fe251303e20" providerId="Windows Live" clId="Web-{EEA2F681-9FFE-432B-AB0B-03BE5630DB34}" dt="2021-11-29T16:25:18.973" v="765"/>
        <pc:sldMkLst>
          <pc:docMk/>
          <pc:sldMk cId="1395825775" sldId="381"/>
        </pc:sldMkLst>
      </pc:sldChg>
      <pc:sldChg chg="modSp">
        <pc:chgData name="Anders Reinholdt Sindberg" userId="52db4fe251303e20" providerId="Windows Live" clId="Web-{EEA2F681-9FFE-432B-AB0B-03BE5630DB34}" dt="2021-11-29T16:41:05.010" v="1528" actId="20577"/>
        <pc:sldMkLst>
          <pc:docMk/>
          <pc:sldMk cId="876624690" sldId="396"/>
        </pc:sldMkLst>
        <pc:spChg chg="mod">
          <ac:chgData name="Anders Reinholdt Sindberg" userId="52db4fe251303e20" providerId="Windows Live" clId="Web-{EEA2F681-9FFE-432B-AB0B-03BE5630DB34}" dt="2021-11-29T16:41:05.010" v="1528" actId="20577"/>
          <ac:spMkLst>
            <pc:docMk/>
            <pc:sldMk cId="876624690" sldId="396"/>
            <ac:spMk id="3" creationId="{2B90431B-7D4F-4629-9D7E-292FDB21939F}"/>
          </ac:spMkLst>
        </pc:spChg>
      </pc:sldChg>
      <pc:sldChg chg="modSp">
        <pc:chgData name="Anders Reinholdt Sindberg" userId="52db4fe251303e20" providerId="Windows Live" clId="Web-{EEA2F681-9FFE-432B-AB0B-03BE5630DB34}" dt="2021-11-29T16:33:15.703" v="1099" actId="20577"/>
        <pc:sldMkLst>
          <pc:docMk/>
          <pc:sldMk cId="1799666557" sldId="400"/>
        </pc:sldMkLst>
        <pc:spChg chg="mod">
          <ac:chgData name="Anders Reinholdt Sindberg" userId="52db4fe251303e20" providerId="Windows Live" clId="Web-{EEA2F681-9FFE-432B-AB0B-03BE5630DB34}" dt="2021-11-29T16:33:15.703" v="1099" actId="20577"/>
          <ac:spMkLst>
            <pc:docMk/>
            <pc:sldMk cId="1799666557" sldId="400"/>
            <ac:spMk id="3" creationId="{3184366D-61A3-4221-9E73-232338CDE558}"/>
          </ac:spMkLst>
        </pc:spChg>
      </pc:sldChg>
      <pc:sldChg chg="modSp">
        <pc:chgData name="Anders Reinholdt Sindberg" userId="52db4fe251303e20" providerId="Windows Live" clId="Web-{EEA2F681-9FFE-432B-AB0B-03BE5630DB34}" dt="2021-11-29T16:42:43.110" v="1541" actId="20577"/>
        <pc:sldMkLst>
          <pc:docMk/>
          <pc:sldMk cId="3665766555" sldId="407"/>
        </pc:sldMkLst>
        <pc:spChg chg="mod">
          <ac:chgData name="Anders Reinholdt Sindberg" userId="52db4fe251303e20" providerId="Windows Live" clId="Web-{EEA2F681-9FFE-432B-AB0B-03BE5630DB34}" dt="2021-11-29T16:42:43.110" v="1541" actId="20577"/>
          <ac:spMkLst>
            <pc:docMk/>
            <pc:sldMk cId="3665766555" sldId="407"/>
            <ac:spMk id="2" creationId="{7FDE6E74-DFFF-4A97-8B6E-FEDFED9005C9}"/>
          </ac:spMkLst>
        </pc:spChg>
      </pc:sldChg>
      <pc:sldChg chg="addSp delSp modSp new del">
        <pc:chgData name="Anders Reinholdt Sindberg" userId="52db4fe251303e20" providerId="Windows Live" clId="Web-{EEA2F681-9FFE-432B-AB0B-03BE5630DB34}" dt="2021-11-29T16:40:46.197" v="1513"/>
        <pc:sldMkLst>
          <pc:docMk/>
          <pc:sldMk cId="3917003518" sldId="408"/>
        </pc:sldMkLst>
        <pc:spChg chg="mod">
          <ac:chgData name="Anders Reinholdt Sindberg" userId="52db4fe251303e20" providerId="Windows Live" clId="Web-{EEA2F681-9FFE-432B-AB0B-03BE5630DB34}" dt="2021-11-29T16:24:47.221" v="760" actId="20577"/>
          <ac:spMkLst>
            <pc:docMk/>
            <pc:sldMk cId="3917003518" sldId="408"/>
            <ac:spMk id="2" creationId="{3CC655FB-4DD3-4AC3-8DF8-F30A9FED0432}"/>
          </ac:spMkLst>
        </pc:spChg>
        <pc:spChg chg="mod">
          <ac:chgData name="Anders Reinholdt Sindberg" userId="52db4fe251303e20" providerId="Windows Live" clId="Web-{EEA2F681-9FFE-432B-AB0B-03BE5630DB34}" dt="2021-11-29T16:25:27.161" v="767" actId="20577"/>
          <ac:spMkLst>
            <pc:docMk/>
            <pc:sldMk cId="3917003518" sldId="408"/>
            <ac:spMk id="3" creationId="{18CE112A-8EC7-45BF-821F-A67F07A04485}"/>
          </ac:spMkLst>
        </pc:spChg>
        <pc:spChg chg="add del mod">
          <ac:chgData name="Anders Reinholdt Sindberg" userId="52db4fe251303e20" providerId="Windows Live" clId="Web-{EEA2F681-9FFE-432B-AB0B-03BE5630DB34}" dt="2021-11-29T16:24:56.956" v="764"/>
          <ac:spMkLst>
            <pc:docMk/>
            <pc:sldMk cId="3917003518" sldId="408"/>
            <ac:spMk id="6" creationId="{6FF8C8C7-484B-4848-B1FE-84570D04CDDA}"/>
          </ac:spMkLst>
        </pc:spChg>
      </pc:sldChg>
      <pc:sldChg chg="modSp add replId">
        <pc:chgData name="Anders Reinholdt Sindberg" userId="52db4fe251303e20" providerId="Windows Live" clId="Web-{EEA2F681-9FFE-432B-AB0B-03BE5630DB34}" dt="2021-11-29T16:42:13.608" v="1534" actId="20577"/>
        <pc:sldMkLst>
          <pc:docMk/>
          <pc:sldMk cId="672455812" sldId="409"/>
        </pc:sldMkLst>
        <pc:spChg chg="mod">
          <ac:chgData name="Anders Reinholdt Sindberg" userId="52db4fe251303e20" providerId="Windows Live" clId="Web-{EEA2F681-9FFE-432B-AB0B-03BE5630DB34}" dt="2021-11-29T16:42:13.608" v="1534" actId="20577"/>
          <ac:spMkLst>
            <pc:docMk/>
            <pc:sldMk cId="672455812" sldId="409"/>
            <ac:spMk id="11" creationId="{9AB046E7-81C0-4877-BE68-ED5956A974D1}"/>
          </ac:spMkLst>
        </pc:spChg>
        <pc:spChg chg="mod">
          <ac:chgData name="Anders Reinholdt Sindberg" userId="52db4fe251303e20" providerId="Windows Live" clId="Web-{EEA2F681-9FFE-432B-AB0B-03BE5630DB34}" dt="2021-11-29T16:33:37.641" v="1117" actId="20577"/>
          <ac:spMkLst>
            <pc:docMk/>
            <pc:sldMk cId="672455812" sldId="409"/>
            <ac:spMk id="12" creationId="{C09388A6-0C81-4C34-9B8F-D2CCFED78C50}"/>
          </ac:spMkLst>
        </pc:spChg>
      </pc:sldChg>
      <pc:sldChg chg="addSp delSp modSp">
        <pc:chgData name="Anders Reinholdt Sindberg" userId="52db4fe251303e20" providerId="Windows Live" clId="Web-{EEA2F681-9FFE-432B-AB0B-03BE5630DB34}" dt="2021-11-29T17:07:14.098" v="1891" actId="20577"/>
        <pc:sldMkLst>
          <pc:docMk/>
          <pc:sldMk cId="2421702181" sldId="410"/>
        </pc:sldMkLst>
        <pc:spChg chg="mod">
          <ac:chgData name="Anders Reinholdt Sindberg" userId="52db4fe251303e20" providerId="Windows Live" clId="Web-{EEA2F681-9FFE-432B-AB0B-03BE5630DB34}" dt="2021-11-29T16:53:50.553" v="1615" actId="20577"/>
          <ac:spMkLst>
            <pc:docMk/>
            <pc:sldMk cId="2421702181" sldId="410"/>
            <ac:spMk id="2" creationId="{5052434C-AE63-4C78-B218-0D9737325815}"/>
          </ac:spMkLst>
        </pc:spChg>
        <pc:spChg chg="mod">
          <ac:chgData name="Anders Reinholdt Sindberg" userId="52db4fe251303e20" providerId="Windows Live" clId="Web-{EEA2F681-9FFE-432B-AB0B-03BE5630DB34}" dt="2021-11-29T17:07:14.098" v="1891" actId="20577"/>
          <ac:spMkLst>
            <pc:docMk/>
            <pc:sldMk cId="2421702181" sldId="410"/>
            <ac:spMk id="3" creationId="{41204C70-7AEE-4DEC-BFD1-7BEF27352BC3}"/>
          </ac:spMkLst>
        </pc:spChg>
        <pc:spChg chg="del">
          <ac:chgData name="Anders Reinholdt Sindberg" userId="52db4fe251303e20" providerId="Windows Live" clId="Web-{EEA2F681-9FFE-432B-AB0B-03BE5630DB34}" dt="2021-11-29T17:06:05.876" v="1860"/>
          <ac:spMkLst>
            <pc:docMk/>
            <pc:sldMk cId="2421702181" sldId="410"/>
            <ac:spMk id="4" creationId="{CF80525F-1359-4F90-9785-131BE4BB1D8E}"/>
          </ac:spMkLst>
        </pc:spChg>
        <pc:picChg chg="add mod ord modCrop">
          <ac:chgData name="Anders Reinholdt Sindberg" userId="52db4fe251303e20" providerId="Windows Live" clId="Web-{EEA2F681-9FFE-432B-AB0B-03BE5630DB34}" dt="2021-11-29T17:06:05.876" v="1860"/>
          <ac:picMkLst>
            <pc:docMk/>
            <pc:sldMk cId="2421702181" sldId="410"/>
            <ac:picMk id="6" creationId="{6B1B23DE-8EC7-4535-B35E-2EC3ACB27AB8}"/>
          </ac:picMkLst>
        </pc:picChg>
      </pc:sldChg>
      <pc:sldChg chg="modSp new add del ord">
        <pc:chgData name="Anders Reinholdt Sindberg" userId="52db4fe251303e20" providerId="Windows Live" clId="Web-{EEA2F681-9FFE-432B-AB0B-03BE5630DB34}" dt="2021-11-29T17:35:17.912" v="3706"/>
        <pc:sldMkLst>
          <pc:docMk/>
          <pc:sldMk cId="669300127" sldId="412"/>
        </pc:sldMkLst>
        <pc:spChg chg="mod">
          <ac:chgData name="Anders Reinholdt Sindberg" userId="52db4fe251303e20" providerId="Windows Live" clId="Web-{EEA2F681-9FFE-432B-AB0B-03BE5630DB34}" dt="2021-11-29T17:10:02.014" v="2044" actId="20577"/>
          <ac:spMkLst>
            <pc:docMk/>
            <pc:sldMk cId="669300127" sldId="412"/>
            <ac:spMk id="2" creationId="{EA48ACC4-46B4-4B27-B7E9-7DD6492AAF18}"/>
          </ac:spMkLst>
        </pc:spChg>
        <pc:spChg chg="mod">
          <ac:chgData name="Anders Reinholdt Sindberg" userId="52db4fe251303e20" providerId="Windows Live" clId="Web-{EEA2F681-9FFE-432B-AB0B-03BE5630DB34}" dt="2021-11-29T17:35:12.192" v="3705" actId="20577"/>
          <ac:spMkLst>
            <pc:docMk/>
            <pc:sldMk cId="669300127" sldId="412"/>
            <ac:spMk id="3" creationId="{17558B4C-1F3E-475C-B930-B01824D1D688}"/>
          </ac:spMkLst>
        </pc:spChg>
      </pc:sldChg>
      <pc:sldChg chg="addSp modSp">
        <pc:chgData name="Anders Reinholdt Sindberg" userId="52db4fe251303e20" providerId="Windows Live" clId="Web-{EEA2F681-9FFE-432B-AB0B-03BE5630DB34}" dt="2021-11-29T17:33:09.529" v="3698" actId="20577"/>
        <pc:sldMkLst>
          <pc:docMk/>
          <pc:sldMk cId="4234443891" sldId="413"/>
        </pc:sldMkLst>
        <pc:spChg chg="mod">
          <ac:chgData name="Anders Reinholdt Sindberg" userId="52db4fe251303e20" providerId="Windows Live" clId="Web-{EEA2F681-9FFE-432B-AB0B-03BE5630DB34}" dt="2021-11-29T17:08:03.070" v="1945" actId="20577"/>
          <ac:spMkLst>
            <pc:docMk/>
            <pc:sldMk cId="4234443891" sldId="413"/>
            <ac:spMk id="2" creationId="{CA3D9DA1-DF1A-4AAE-B636-A1406CC8F498}"/>
          </ac:spMkLst>
        </pc:spChg>
        <pc:spChg chg="mod">
          <ac:chgData name="Anders Reinholdt Sindberg" userId="52db4fe251303e20" providerId="Windows Live" clId="Web-{EEA2F681-9FFE-432B-AB0B-03BE5630DB34}" dt="2021-11-29T17:33:09.529" v="3698" actId="20577"/>
          <ac:spMkLst>
            <pc:docMk/>
            <pc:sldMk cId="4234443891" sldId="413"/>
            <ac:spMk id="3" creationId="{BCFE2E69-AEBB-4616-AC63-DB03E548A427}"/>
          </ac:spMkLst>
        </pc:spChg>
        <pc:spChg chg="add mod">
          <ac:chgData name="Anders Reinholdt Sindberg" userId="52db4fe251303e20" providerId="Windows Live" clId="Web-{EEA2F681-9FFE-432B-AB0B-03BE5630DB34}" dt="2021-11-29T17:17:46.853" v="2117" actId="1076"/>
          <ac:spMkLst>
            <pc:docMk/>
            <pc:sldMk cId="4234443891" sldId="413"/>
            <ac:spMk id="6" creationId="{0662CE15-A666-4C42-989D-FC3A78DA98EA}"/>
          </ac:spMkLst>
        </pc:spChg>
      </pc:sldChg>
      <pc:sldChg chg="ord">
        <pc:chgData name="Anders Reinholdt Sindberg" userId="52db4fe251303e20" providerId="Windows Live" clId="Web-{EEA2F681-9FFE-432B-AB0B-03BE5630DB34}" dt="2021-11-29T17:35:29.506" v="3707"/>
        <pc:sldMkLst>
          <pc:docMk/>
          <pc:sldMk cId="3632742281" sldId="414"/>
        </pc:sldMkLst>
      </pc:sldChg>
      <pc:sldChg chg="modSp add replId">
        <pc:chgData name="Anders Reinholdt Sindberg" userId="52db4fe251303e20" providerId="Windows Live" clId="Web-{EEA2F681-9FFE-432B-AB0B-03BE5630DB34}" dt="2021-11-29T17:33:39.281" v="3702" actId="20577"/>
        <pc:sldMkLst>
          <pc:docMk/>
          <pc:sldMk cId="176717945" sldId="415"/>
        </pc:sldMkLst>
        <pc:spChg chg="mod">
          <ac:chgData name="Anders Reinholdt Sindberg" userId="52db4fe251303e20" providerId="Windows Live" clId="Web-{EEA2F681-9FFE-432B-AB0B-03BE5630DB34}" dt="2021-11-29T17:33:39.281" v="3702" actId="20577"/>
          <ac:spMkLst>
            <pc:docMk/>
            <pc:sldMk cId="176717945" sldId="415"/>
            <ac:spMk id="3" creationId="{FF2A085F-63FE-47CF-920A-DF25CD188EB3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sz="80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z="800" smtClean="0"/>
              <a:t>‹nr.›</a:t>
            </a:fld>
            <a:endParaRPr lang="en-GB" sz="80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z="800" smtClean="0"/>
              <a:t>29/11/2021</a:t>
            </a:fld>
            <a:endParaRPr lang="en-GB" sz="80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800"/>
            </a:lvl1pPr>
          </a:lstStyle>
          <a:p>
            <a:fld id="{1386E511-D742-4EFE-90B5-C9FC42762E0F}" type="datetimeFigureOut">
              <a:rPr lang="en-GB" smtClean="0"/>
              <a:pPr/>
              <a:t>29/11/2021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8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8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8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898987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900">
              <a:latin typeface="DI Sans Office" panose="020B060402020202020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3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529737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37968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07298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71899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GB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268303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7075021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480377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1557641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696137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br>
              <a:rPr lang="en-GB"/>
            </a:br>
            <a:r>
              <a:rPr lang="en-GB"/>
              <a:t>(sort </a:t>
            </a:r>
            <a:r>
              <a:rPr lang="en-GB" err="1"/>
              <a:t>tekst</a:t>
            </a:r>
            <a:r>
              <a:rPr lang="en-GB"/>
              <a:t>, </a:t>
            </a:r>
            <a:r>
              <a:rPr lang="en-GB" err="1"/>
              <a:t>lyst</a:t>
            </a:r>
            <a:r>
              <a:rPr lang="en-GB"/>
              <a:t> </a:t>
            </a:r>
            <a:r>
              <a:rPr lang="en-GB" err="1"/>
              <a:t>foto</a:t>
            </a:r>
            <a:r>
              <a:rPr lang="en-GB"/>
              <a:t>)</a:t>
            </a:r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3C6832D-6FE3-49B8-9A5C-B35C16C54952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</a:t>
            </a:r>
            <a:r>
              <a:rPr lang="da-DK" sz="1100" b="1"/>
              <a:t> lyst </a:t>
            </a:r>
            <a:r>
              <a:rPr lang="da-DK" sz="1100"/>
              <a:t>baggrundsbillede. Indsæt et nyt: Klik på </a:t>
            </a:r>
            <a:r>
              <a:rPr lang="da-DK" sz="1100" b="1"/>
              <a:t>Baggrundsbilleder </a:t>
            </a:r>
            <a:r>
              <a:rPr lang="da-DK" sz="1100"/>
              <a:t>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5F918F85-A0E1-4E42-AA0E-E67B48D5C45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2921" y="5817600"/>
            <a:ext cx="4539598" cy="713946"/>
          </a:xfrm>
          <a:prstGeom prst="rect">
            <a:avLst/>
          </a:prstGeom>
        </p:spPr>
      </p:pic>
      <p:sp>
        <p:nvSpPr>
          <p:cNvPr id="14" name="Pagenumber 30" hidden="1">
            <a:extLst>
              <a:ext uri="{FF2B5EF4-FFF2-40B4-BE49-F238E27FC236}">
                <a16:creationId xmlns:a16="http://schemas.microsoft.com/office/drawing/2014/main" id="{B5F50ABF-1BAA-43D9-AA38-600B68946F67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6CCBD8E9-73E0-45BB-B9E3-BE36ABC4B9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FDF19F84-A717-4C58-9C6E-80C72EFAC0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BA78B9-3102-4583-9902-125279D33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kort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I </a:t>
            </a:r>
            <a:r>
              <a:rPr lang="en-US" err="1"/>
              <a:t>flerelinjer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r>
              <a:rPr lang="en-US"/>
              <a:t> I </a:t>
            </a:r>
            <a:r>
              <a:rPr lang="en-US" err="1"/>
              <a:t>korrekt</a:t>
            </a:r>
            <a:r>
              <a:rPr lang="en-US"/>
              <a:t> </a:t>
            </a:r>
            <a:r>
              <a:rPr lang="en-US" err="1"/>
              <a:t>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lys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2" name="image" descr="{&quot;templafy&quot;:{&quot;type&quot;:&quot;image&quot;,&quot;width&quot;:&quot;12.61 cm&quot;,&quot;height&quot;:&quot;1.98 cm&quot;,&quot;binding&quot;:&quot;UserProfile.LogoSelection.LogoCitatA_{{DocumentLanguage}}&quot;}}" title="UserProfile.LogoSelection.LogoCitatA_{{DocumentLanguage}}">
            <a:extLst>
              <a:ext uri="{FF2B5EF4-FFF2-40B4-BE49-F238E27FC236}">
                <a16:creationId xmlns:a16="http://schemas.microsoft.com/office/drawing/2014/main" id="{58629738-7A4F-41E3-BE7B-DDCDAC0D87F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83FB32AC-CAED-4387-8773-5234BC5EAFD5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49D87B9D-E214-4187-AEA7-4FEE8700C07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0DB03D9-DF18-4C1B-9B38-BA3BE896AAF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AD9DE48-8112-431B-88DD-061099D0E8D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6515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kort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I </a:t>
            </a:r>
            <a:r>
              <a:rPr lang="en-US" err="1"/>
              <a:t>flere</a:t>
            </a:r>
            <a:r>
              <a:rPr lang="en-US"/>
              <a:t> </a:t>
            </a:r>
            <a:r>
              <a:rPr lang="en-US" err="1"/>
              <a:t>linjer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r>
              <a:rPr lang="en-US"/>
              <a:t> I </a:t>
            </a:r>
            <a:r>
              <a:rPr lang="en-US" err="1"/>
              <a:t>korrekt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mørk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BA1AB2EB-A772-4F0D-86BB-A1E419D0505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D5FE0450-CA85-4A19-AB1F-EA59144CE931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A6C90AAB-393E-44C9-AEBA-254B53B3F58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D6DDFB01-2560-4964-A681-5F920934CA5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6FA7791-1BB8-4DEA-BBC3-CA14444494C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6348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7248526" cy="3867150"/>
          </a:xfrm>
        </p:spPr>
        <p:txBody>
          <a:bodyPr lIns="0" rIns="0"/>
          <a:lstStyle>
            <a:lvl1pPr marL="0" indent="0">
              <a:buFont typeface="Arial" panose="020B0604020202020204" pitchFamily="34" charset="0"/>
              <a:buChar char="​"/>
              <a:defRPr sz="32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citat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/>
              <a:t> </a:t>
            </a:r>
            <a:r>
              <a:rPr lang="en-US" err="1"/>
              <a:t>flere</a:t>
            </a:r>
            <a:r>
              <a:rPr lang="en-US"/>
              <a:t> </a:t>
            </a:r>
            <a:r>
              <a:rPr lang="en-US" err="1"/>
              <a:t>linjer</a:t>
            </a:r>
            <a:r>
              <a:rPr lang="en-US"/>
              <a:t>. </a:t>
            </a:r>
            <a:r>
              <a:rPr lang="en-US" err="1"/>
              <a:t>Klik</a:t>
            </a:r>
            <a:r>
              <a:rPr lang="en-US"/>
              <a:t> ENTER for tom </a:t>
            </a:r>
            <a:r>
              <a:rPr lang="en-US" err="1"/>
              <a:t>linje</a:t>
            </a:r>
            <a:r>
              <a:rPr lang="en-US"/>
              <a:t>. </a:t>
            </a:r>
            <a:br>
              <a:rPr lang="en-US"/>
            </a:br>
            <a:r>
              <a:rPr lang="en-US" err="1"/>
              <a:t>Klik</a:t>
            </a:r>
            <a:r>
              <a:rPr lang="en-US"/>
              <a:t> TAB for at </a:t>
            </a:r>
            <a:r>
              <a:rPr lang="en-US" err="1"/>
              <a:t>indsætte</a:t>
            </a:r>
            <a:r>
              <a:rPr lang="en-US"/>
              <a:t>: </a:t>
            </a:r>
            <a:br>
              <a:rPr lang="en-US"/>
            </a:br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Navn</a:t>
            </a:r>
            <a:r>
              <a:rPr lang="en-US"/>
              <a:t>, </a:t>
            </a:r>
            <a:r>
              <a:rPr lang="en-US" err="1"/>
              <a:t>virksomhed</a:t>
            </a:r>
            <a:br>
              <a:rPr lang="en-US"/>
            </a:br>
            <a:r>
              <a:rPr lang="en-US"/>
              <a:t>I </a:t>
            </a:r>
            <a:r>
              <a:rPr lang="en-US" err="1"/>
              <a:t>korrekt</a:t>
            </a:r>
            <a:r>
              <a:rPr lang="en-US"/>
              <a:t> </a:t>
            </a:r>
            <a:r>
              <a:rPr lang="en-US" err="1"/>
              <a:t>tekst</a:t>
            </a:r>
            <a:r>
              <a:rPr lang="en-US"/>
              <a:t> style.</a:t>
            </a:r>
          </a:p>
          <a:p>
            <a:pPr lvl="1"/>
            <a:r>
              <a:rPr lang="en-US"/>
              <a:t>Second level</a:t>
            </a:r>
          </a:p>
          <a:p>
            <a:pPr lvl="2"/>
            <a:endParaRPr lang="da-DK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endParaRPr lang="da-DK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607D5FB-24E7-4213-A8C2-E0CDAB40C30E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da-DK" sz="1100" noProof="1"/>
              <a:t>Vil du indsætte et </a:t>
            </a:r>
            <a:r>
              <a:rPr lang="da-DK" sz="1100" b="1" noProof="1"/>
              <a:t>mørkt</a:t>
            </a:r>
            <a:r>
              <a:rPr lang="da-DK" sz="1100" noProof="1"/>
              <a:t> baggrundsbillede, indsæt nyt billede via Templafy Images ikonet, klik på billedet og vælg knappen </a:t>
            </a:r>
            <a:r>
              <a:rPr lang="da-DK" sz="1100" b="1" noProof="1"/>
              <a:t>Set slide background</a:t>
            </a:r>
            <a:r>
              <a:rPr lang="da-DK" sz="1100" noProof="1"/>
              <a:t> under DI menuen.</a:t>
            </a:r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B4B11615-20F6-4D1E-86F2-EF7BE5126B5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151BA9F-71E9-4FBC-89D6-810C35EC4C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1B480451-5D11-4804-AEF3-F9F0D79B1D2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7200B1E-4C42-4093-92D4-7C59F2FD091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9727985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22145B0-82AC-40EF-B7A9-AD21763895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03B37BE-68A0-4BF4-86E3-E8D7A4787D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F5C055B-B71E-4EDD-A9BC-A8FB0225C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358873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rå">
    <p:bg>
      <p:bgPr>
        <a:solidFill>
          <a:srgbClr val="87878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6C66DEB-7068-4B5D-8167-E3992D2411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C45D6C5B-3211-498B-91C9-42CBF5DF2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BEF9D5C-AF3B-4D8F-9384-7B6AC863A7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52583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lys grå">
    <p:bg>
      <p:bgPr>
        <a:solidFill>
          <a:srgbClr val="BEBEB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da-DK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4930CE8-0A35-44B4-A60F-F9683F1D5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9054752-B015-4818-847C-2DD8D82476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613F44-BDB0-48DA-AE53-7AB2C4977D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221546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/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C3054E4A-0E06-4747-850F-D4767740C2F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3740023B-3607-4AA4-9256-91939E75B49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9F4C26A6-39DF-464B-A860-56F85FFFA64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1A79F05-1D6C-4030-87A6-5EE7632BF16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6EB3C633-6CC9-481E-B3B3-AE57221DB9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0F41C304-484A-4DB9-9215-F621CD800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7D672DF-1063-4675-9FC2-DB23EDBED4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br>
              <a:rPr lang="en-GB"/>
            </a:br>
            <a:r>
              <a:rPr lang="en-GB"/>
              <a:t>(</a:t>
            </a:r>
            <a:r>
              <a:rPr lang="en-GB" err="1"/>
              <a:t>Hvid</a:t>
            </a:r>
            <a:r>
              <a:rPr lang="en-GB"/>
              <a:t> </a:t>
            </a:r>
            <a:r>
              <a:rPr lang="en-GB" err="1"/>
              <a:t>tekst</a:t>
            </a:r>
            <a:r>
              <a:rPr lang="en-GB"/>
              <a:t>, </a:t>
            </a:r>
            <a:r>
              <a:rPr lang="en-GB" err="1"/>
              <a:t>mørk</a:t>
            </a:r>
            <a:r>
              <a:rPr lang="en-GB"/>
              <a:t> </a:t>
            </a:r>
            <a:r>
              <a:rPr lang="en-GB" err="1"/>
              <a:t>tfoto</a:t>
            </a:r>
            <a:r>
              <a:rPr lang="en-GB"/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923275-511B-4D4A-AFA5-B05EA79A20F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 </a:t>
            </a:r>
            <a:r>
              <a:rPr lang="da-DK" sz="1100" b="1"/>
              <a:t>mørkt</a:t>
            </a:r>
            <a:r>
              <a:rPr lang="da-DK" sz="1100"/>
              <a:t> baggrundsbillede. Indsæt et nyt: Klik på </a:t>
            </a:r>
            <a:r>
              <a:rPr lang="da-DK" sz="1100" b="1"/>
              <a:t>Baggrundsbilleder</a:t>
            </a:r>
            <a:r>
              <a:rPr lang="da-DK" sz="1100"/>
              <a:t> 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0F61CA3-8975-4101-A347-86F47BC5B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E7B7EB95-1613-415D-B1A4-9C3546D8B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6C133E-448A-4617-A5A1-1F070B989E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11" name="LogoNeg" descr="{ &quot;templafy&quot;: { &quot;type&quot;: &quot;image&quot;, &quot;width&quot;: &quot;12.61 cm&quot;, &quot;height&quot;: &quot;1.98 cm&quot;, &quot;binding&quot;: &quot;UserProfile.LogoSelection.LogoNeg_{{DocumentLanguage}}&quot; } }">
            <a:extLst>
              <a:ext uri="{FF2B5EF4-FFF2-40B4-BE49-F238E27FC236}">
                <a16:creationId xmlns:a16="http://schemas.microsoft.com/office/drawing/2014/main" id="{62D50543-2F5D-4BED-9213-7D2C301A55A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925" y="5817600"/>
            <a:ext cx="45554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F05F10A6-84A3-4DA1-BAA3-38D78F7BF9E9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676675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teks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l">
            <a:extLst>
              <a:ext uri="{FF2B5EF4-FFF2-40B4-BE49-F238E27FC236}">
                <a16:creationId xmlns:a16="http://schemas.microsoft.com/office/drawing/2014/main" id="{6B2B9A9F-7FBF-4586-9C4F-67C7317068F9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539750" y="731526"/>
            <a:ext cx="540000" cy="540000"/>
          </a:xfrm>
          <a:custGeom>
            <a:avLst/>
            <a:gdLst>
              <a:gd name="T0" fmla="*/ 391 w 782"/>
              <a:gd name="T1" fmla="*/ 782 h 782"/>
              <a:gd name="T2" fmla="*/ 0 w 782"/>
              <a:gd name="T3" fmla="*/ 391 h 782"/>
              <a:gd name="T4" fmla="*/ 391 w 782"/>
              <a:gd name="T5" fmla="*/ 0 h 782"/>
              <a:gd name="T6" fmla="*/ 782 w 782"/>
              <a:gd name="T7" fmla="*/ 391 h 782"/>
              <a:gd name="T8" fmla="*/ 391 w 782"/>
              <a:gd name="T9" fmla="*/ 782 h 782"/>
              <a:gd name="T10" fmla="*/ 391 w 782"/>
              <a:gd name="T11" fmla="*/ 64 h 782"/>
              <a:gd name="T12" fmla="*/ 64 w 782"/>
              <a:gd name="T13" fmla="*/ 391 h 782"/>
              <a:gd name="T14" fmla="*/ 391 w 782"/>
              <a:gd name="T15" fmla="*/ 719 h 782"/>
              <a:gd name="T16" fmla="*/ 720 w 782"/>
              <a:gd name="T17" fmla="*/ 391 h 782"/>
              <a:gd name="T18" fmla="*/ 391 w 782"/>
              <a:gd name="T19" fmla="*/ 64 h 782"/>
              <a:gd name="T20" fmla="*/ 409 w 782"/>
              <a:gd name="T21" fmla="*/ 581 h 782"/>
              <a:gd name="T22" fmla="*/ 388 w 782"/>
              <a:gd name="T23" fmla="*/ 590 h 782"/>
              <a:gd name="T24" fmla="*/ 357 w 782"/>
              <a:gd name="T25" fmla="*/ 561 h 782"/>
              <a:gd name="T26" fmla="*/ 366 w 782"/>
              <a:gd name="T27" fmla="*/ 539 h 782"/>
              <a:gd name="T28" fmla="*/ 498 w 782"/>
              <a:gd name="T29" fmla="*/ 420 h 782"/>
              <a:gd name="T30" fmla="*/ 208 w 782"/>
              <a:gd name="T31" fmla="*/ 420 h 782"/>
              <a:gd name="T32" fmla="*/ 178 w 782"/>
              <a:gd name="T33" fmla="*/ 391 h 782"/>
              <a:gd name="T34" fmla="*/ 208 w 782"/>
              <a:gd name="T35" fmla="*/ 360 h 782"/>
              <a:gd name="T36" fmla="*/ 498 w 782"/>
              <a:gd name="T37" fmla="*/ 360 h 782"/>
              <a:gd name="T38" fmla="*/ 366 w 782"/>
              <a:gd name="T39" fmla="*/ 244 h 782"/>
              <a:gd name="T40" fmla="*/ 357 w 782"/>
              <a:gd name="T41" fmla="*/ 222 h 782"/>
              <a:gd name="T42" fmla="*/ 388 w 782"/>
              <a:gd name="T43" fmla="*/ 192 h 782"/>
              <a:gd name="T44" fmla="*/ 407 w 782"/>
              <a:gd name="T45" fmla="*/ 200 h 782"/>
              <a:gd name="T46" fmla="*/ 590 w 782"/>
              <a:gd name="T47" fmla="*/ 368 h 782"/>
              <a:gd name="T48" fmla="*/ 600 w 782"/>
              <a:gd name="T49" fmla="*/ 391 h 782"/>
              <a:gd name="T50" fmla="*/ 590 w 782"/>
              <a:gd name="T51" fmla="*/ 415 h 782"/>
              <a:gd name="T52" fmla="*/ 409 w 782"/>
              <a:gd name="T53" fmla="*/ 581 h 7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</a:cxnLst>
            <a:rect l="0" t="0" r="r" b="b"/>
            <a:pathLst>
              <a:path w="782" h="782">
                <a:moveTo>
                  <a:pt x="391" y="782"/>
                </a:moveTo>
                <a:cubicBezTo>
                  <a:pt x="176" y="782"/>
                  <a:pt x="0" y="608"/>
                  <a:pt x="0" y="391"/>
                </a:cubicBezTo>
                <a:cubicBezTo>
                  <a:pt x="0" y="175"/>
                  <a:pt x="176" y="0"/>
                  <a:pt x="391" y="0"/>
                </a:cubicBezTo>
                <a:cubicBezTo>
                  <a:pt x="608" y="0"/>
                  <a:pt x="782" y="175"/>
                  <a:pt x="782" y="391"/>
                </a:cubicBezTo>
                <a:cubicBezTo>
                  <a:pt x="782" y="608"/>
                  <a:pt x="608" y="782"/>
                  <a:pt x="391" y="782"/>
                </a:cubicBezTo>
                <a:close/>
                <a:moveTo>
                  <a:pt x="391" y="64"/>
                </a:moveTo>
                <a:cubicBezTo>
                  <a:pt x="210" y="64"/>
                  <a:pt x="64" y="210"/>
                  <a:pt x="64" y="391"/>
                </a:cubicBezTo>
                <a:cubicBezTo>
                  <a:pt x="64" y="572"/>
                  <a:pt x="210" y="719"/>
                  <a:pt x="391" y="719"/>
                </a:cubicBezTo>
                <a:cubicBezTo>
                  <a:pt x="573" y="719"/>
                  <a:pt x="720" y="572"/>
                  <a:pt x="720" y="391"/>
                </a:cubicBezTo>
                <a:cubicBezTo>
                  <a:pt x="720" y="210"/>
                  <a:pt x="573" y="64"/>
                  <a:pt x="391" y="64"/>
                </a:cubicBezTo>
                <a:close/>
                <a:moveTo>
                  <a:pt x="409" y="581"/>
                </a:moveTo>
                <a:cubicBezTo>
                  <a:pt x="405" y="585"/>
                  <a:pt x="397" y="590"/>
                  <a:pt x="388" y="590"/>
                </a:cubicBezTo>
                <a:cubicBezTo>
                  <a:pt x="371" y="590"/>
                  <a:pt x="357" y="576"/>
                  <a:pt x="357" y="561"/>
                </a:cubicBezTo>
                <a:cubicBezTo>
                  <a:pt x="357" y="553"/>
                  <a:pt x="359" y="544"/>
                  <a:pt x="366" y="539"/>
                </a:cubicBezTo>
                <a:cubicBezTo>
                  <a:pt x="498" y="420"/>
                  <a:pt x="498" y="420"/>
                  <a:pt x="498" y="420"/>
                </a:cubicBezTo>
                <a:cubicBezTo>
                  <a:pt x="208" y="420"/>
                  <a:pt x="208" y="420"/>
                  <a:pt x="208" y="420"/>
                </a:cubicBezTo>
                <a:cubicBezTo>
                  <a:pt x="193" y="420"/>
                  <a:pt x="178" y="407"/>
                  <a:pt x="178" y="391"/>
                </a:cubicBezTo>
                <a:cubicBezTo>
                  <a:pt x="178" y="375"/>
                  <a:pt x="193" y="360"/>
                  <a:pt x="208" y="360"/>
                </a:cubicBezTo>
                <a:cubicBezTo>
                  <a:pt x="498" y="360"/>
                  <a:pt x="498" y="360"/>
                  <a:pt x="498" y="360"/>
                </a:cubicBezTo>
                <a:cubicBezTo>
                  <a:pt x="366" y="244"/>
                  <a:pt x="366" y="244"/>
                  <a:pt x="366" y="244"/>
                </a:cubicBezTo>
                <a:cubicBezTo>
                  <a:pt x="359" y="237"/>
                  <a:pt x="357" y="228"/>
                  <a:pt x="357" y="222"/>
                </a:cubicBezTo>
                <a:cubicBezTo>
                  <a:pt x="357" y="206"/>
                  <a:pt x="371" y="192"/>
                  <a:pt x="388" y="192"/>
                </a:cubicBezTo>
                <a:cubicBezTo>
                  <a:pt x="396" y="192"/>
                  <a:pt x="404" y="197"/>
                  <a:pt x="407" y="200"/>
                </a:cubicBezTo>
                <a:cubicBezTo>
                  <a:pt x="590" y="368"/>
                  <a:pt x="590" y="368"/>
                  <a:pt x="590" y="368"/>
                </a:cubicBezTo>
                <a:cubicBezTo>
                  <a:pt x="598" y="375"/>
                  <a:pt x="600" y="382"/>
                  <a:pt x="600" y="391"/>
                </a:cubicBezTo>
                <a:cubicBezTo>
                  <a:pt x="600" y="398"/>
                  <a:pt x="598" y="407"/>
                  <a:pt x="590" y="415"/>
                </a:cubicBezTo>
                <a:lnTo>
                  <a:pt x="409" y="581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8360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accent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err="1"/>
              <a:t>Indsæt</a:t>
            </a:r>
            <a:r>
              <a:rPr lang="en-GB"/>
              <a:t> </a:t>
            </a:r>
            <a:r>
              <a:rPr lang="en-GB" err="1"/>
              <a:t>Overskrift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to LINJER, </a:t>
            </a:r>
            <a:br>
              <a:rPr lang="en-GB"/>
            </a:br>
            <a:r>
              <a:rPr lang="en-GB"/>
              <a:t>dog max. </a:t>
            </a:r>
            <a:r>
              <a:rPr lang="en-GB" err="1"/>
              <a:t>tre</a:t>
            </a:r>
            <a:r>
              <a:rPr lang="en-GB"/>
              <a:t> </a:t>
            </a:r>
            <a:r>
              <a:rPr lang="en-GB" err="1"/>
              <a:t>linjeR</a:t>
            </a:r>
            <a:endParaRPr lang="en-GB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DD4F83-2366-4E9B-B0AA-DE51DEAC31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AA4F879-C0D4-44D2-ACD5-0CA0F9ACB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94533D-DF54-4AA4-B2D7-53AA5B483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E6438023-7449-4C66-B172-1B06BD7094B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720"/>
            <a:ext cx="4539600" cy="713946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E36F1D8C-04F6-4E2E-A03E-2CB263C7417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41439930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 noProof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err="1"/>
              <a:t>Klik</a:t>
            </a:r>
            <a:r>
              <a:rPr lang="en-GB" noProof="0"/>
              <a:t> for </a:t>
            </a:r>
            <a:r>
              <a:rPr lang="en-GB" noProof="0" err="1"/>
              <a:t>indsætte</a:t>
            </a:r>
            <a:r>
              <a:rPr lang="en-GB" noProof="0"/>
              <a:t> </a:t>
            </a:r>
            <a:r>
              <a:rPr lang="en-GB" noProof="0" err="1"/>
              <a:t>tekst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nr.›</a:t>
            </a:fld>
            <a:endParaRPr lang="en-GB" noProof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9659989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mmereret liste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en-GB" noProof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 marL="360000" indent="-360000">
              <a:buFont typeface="+mj-lt"/>
              <a:buAutoNum type="arabicPeriod"/>
              <a:defRPr/>
            </a:lvl1pPr>
            <a:lvl2pPr marL="612000">
              <a:defRPr/>
            </a:lvl2pPr>
            <a:lvl3pPr marL="864000">
              <a:defRPr/>
            </a:lvl3pPr>
            <a:lvl4pPr marL="1116000">
              <a:defRPr/>
            </a:lvl4pPr>
          </a:lstStyle>
          <a:p>
            <a:pPr lvl="0"/>
            <a:r>
              <a:rPr lang="en-GB" noProof="0" err="1"/>
              <a:t>Klik</a:t>
            </a:r>
            <a:r>
              <a:rPr lang="en-GB" noProof="0"/>
              <a:t> for </a:t>
            </a:r>
            <a:r>
              <a:rPr lang="en-GB" noProof="0" err="1"/>
              <a:t>indsætte</a:t>
            </a:r>
            <a:r>
              <a:rPr lang="en-GB" noProof="0"/>
              <a:t> </a:t>
            </a:r>
            <a:r>
              <a:rPr lang="en-GB" noProof="0" err="1"/>
              <a:t>nummereret</a:t>
            </a:r>
            <a:r>
              <a:rPr lang="en-GB" noProof="0"/>
              <a:t> </a:t>
            </a:r>
            <a:r>
              <a:rPr lang="en-GB" noProof="0" err="1"/>
              <a:t>liste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nr.›</a:t>
            </a:fld>
            <a:endParaRPr lang="en-GB" noProof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722725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(graf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2298"/>
            <a:ext cx="11109324" cy="793540"/>
          </a:xfrm>
        </p:spPr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/>
              <a:t> max. </a:t>
            </a:r>
            <a:r>
              <a:rPr lang="en-US" err="1"/>
              <a:t>enlinj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50" y="1522192"/>
            <a:ext cx="11109326" cy="42467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Indsæt graf som et billede fra Excel.</a:t>
            </a:r>
            <a:br>
              <a:rPr lang="da-DK" noProof="0"/>
            </a:br>
            <a:r>
              <a:rPr lang="da-DK" noProof="0"/>
              <a:t>Grafen kan også laves direkte i PowerPoint: </a:t>
            </a:r>
            <a:br>
              <a:rPr lang="da-DK" noProof="0"/>
            </a:br>
            <a:r>
              <a:rPr lang="da-DK" noProof="0"/>
              <a:t>1. Klik på DI fanen, </a:t>
            </a:r>
            <a:br>
              <a:rPr lang="da-DK" noProof="0"/>
            </a:br>
            <a:r>
              <a:rPr lang="da-DK" noProof="0"/>
              <a:t>2. </a:t>
            </a:r>
            <a:r>
              <a:rPr lang="da-DK" noProof="0" err="1"/>
              <a:t>Create</a:t>
            </a:r>
            <a:r>
              <a:rPr lang="da-DK" noProof="0"/>
              <a:t> Chart, </a:t>
            </a:r>
            <a:br>
              <a:rPr lang="da-DK" noProof="0"/>
            </a:br>
            <a:r>
              <a:rPr lang="da-DK" noProof="0"/>
              <a:t>3. Vælg efterfølgende Chart </a:t>
            </a:r>
            <a:r>
              <a:rPr lang="da-DK" noProof="0" err="1"/>
              <a:t>Color</a:t>
            </a:r>
            <a:r>
              <a:rPr lang="da-DK" noProof="0"/>
              <a:t>. 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08B1870-3920-4E74-BA14-F75568939DB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2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None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nr.›</a:t>
            </a:fld>
            <a:endParaRPr lang="en-GB" noProof="0"/>
          </a:p>
        </p:txBody>
      </p:sp>
      <p:sp>
        <p:nvSpPr>
          <p:cNvPr id="8" name="Pagenumber 30" hidden="1">
            <a:extLst>
              <a:ext uri="{FF2B5EF4-FFF2-40B4-BE49-F238E27FC236}">
                <a16:creationId xmlns:a16="http://schemas.microsoft.com/office/drawing/2014/main" id="{FD00C398-FE3E-45D3-880D-D38321AA3F6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4564149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68FF2008-6E48-4CDB-A5AD-649C18A5175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30" name="Title 1">
            <a:extLst>
              <a:ext uri="{FF2B5EF4-FFF2-40B4-BE49-F238E27FC236}">
                <a16:creationId xmlns:a16="http://schemas.microsoft.com/office/drawing/2014/main" id="{B1949515-7F1A-4A75-9EAB-0390FA7016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overskrift</a:t>
            </a:r>
            <a:r>
              <a:rPr lang="en-US"/>
              <a:t> – max. to </a:t>
            </a:r>
            <a:r>
              <a:rPr lang="en-US" err="1"/>
              <a:t>linjer</a:t>
            </a:r>
            <a:endParaRPr lang="da-DK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3EAB373A-F556-47CE-B40B-D6636BD685E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3" y="2349500"/>
            <a:ext cx="3420001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B24AE7-6241-4C9C-8DAC-ECD63A6E085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49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375B1A5C-DD9D-44CB-A8E4-438F9E2B5D3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367213" y="2349500"/>
            <a:ext cx="3421062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/>
              <a:t>Klik på denne pladsholder og indsæt billede via Skyfish ikonet i Templafy vindue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AB93CF1-2FB8-4295-8EE3-47DFFD0ACAA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39749" y="4275499"/>
            <a:ext cx="3420000" cy="1493475"/>
          </a:xfrm>
        </p:spPr>
        <p:txBody>
          <a:bodyPr tIns="180000"/>
          <a:lstStyle>
            <a:lvl1pPr marL="0" indent="0">
              <a:buNone/>
              <a:defRPr/>
            </a:lvl1pPr>
            <a:lvl2pPr marL="450000" indent="0">
              <a:buNone/>
              <a:defRPr/>
            </a:lvl2pPr>
          </a:lstStyle>
          <a:p>
            <a:pPr lvl="0"/>
            <a:r>
              <a:rPr lang="en-US" err="1"/>
              <a:t>Klik</a:t>
            </a:r>
            <a:r>
              <a:rPr lang="en-US"/>
              <a:t> for at </a:t>
            </a:r>
            <a:r>
              <a:rPr lang="en-US" err="1"/>
              <a:t>indsætte</a:t>
            </a:r>
            <a:r>
              <a:rPr lang="en-US"/>
              <a:t> </a:t>
            </a:r>
            <a:r>
              <a:rPr lang="en-US" err="1"/>
              <a:t>tekst</a:t>
            </a:r>
            <a:endParaRPr lang="en-US"/>
          </a:p>
          <a:p>
            <a:pPr lvl="1"/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9FFB44E-6734-463A-99D5-508165ECA8B6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66799" y="4275499"/>
            <a:ext cx="3420000" cy="1493476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Klik for at indsætte tekst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C53ADEB9-01FE-42AB-B92C-06FD4D6CA22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228012" y="4275499"/>
            <a:ext cx="3421062" cy="1493475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/>
              <a:t>Klik for at indsætte teks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9AAEB967-D967-4E08-AD83-04BFF3D0E9C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err="1"/>
              <a:t>Anfør</a:t>
            </a:r>
            <a:r>
              <a:rPr lang="en-US"/>
              <a:t> </a:t>
            </a:r>
            <a:r>
              <a:rPr lang="en-US" err="1"/>
              <a:t>anmærkning</a:t>
            </a:r>
            <a:r>
              <a:rPr lang="en-US"/>
              <a:t>, </a:t>
            </a:r>
            <a:r>
              <a:rPr lang="en-US" err="1"/>
              <a:t>kilde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</a:t>
            </a:r>
            <a:r>
              <a:rPr lang="en-US" err="1"/>
              <a:t>fotokredittering</a:t>
            </a:r>
            <a:endParaRPr lang="en-US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9859E6B-1680-4BE4-9828-BAFA198F6E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8122EAA-35F0-4569-A659-A62E56522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DCBF0F-0D4F-4D6B-9845-7DE10415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A7700896-D13C-4C65-AAE1-C96BEE12A93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5" name="Pagenumber 30" hidden="1">
            <a:extLst>
              <a:ext uri="{FF2B5EF4-FFF2-40B4-BE49-F238E27FC236}">
                <a16:creationId xmlns:a16="http://schemas.microsoft.com/office/drawing/2014/main" id="{0441D8E2-EABE-4DC4-91A8-42BB922E363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9998705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latin typeface="+mj-lt"/>
              </a:defRPr>
            </a:lvl1pPr>
          </a:lstStyle>
          <a:p>
            <a:r>
              <a:rPr lang="da-DK"/>
              <a:t>Overskriften flyttes op </a:t>
            </a:r>
            <a:br>
              <a:rPr lang="da-DK"/>
            </a:br>
            <a:r>
              <a:rPr lang="da-DK"/>
              <a:t>eller ned afhængig af motiv </a:t>
            </a:r>
            <a:br>
              <a:rPr lang="da-DK"/>
            </a:br>
            <a:r>
              <a:rPr lang="da-DK"/>
              <a:t>i foto. Max. 3 linjers tekst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5BF48F6-1D9E-45BC-9597-F103FF4309FF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</a:t>
            </a:r>
            <a:r>
              <a:rPr lang="da-DK" sz="1100" b="1"/>
              <a:t> lyst </a:t>
            </a:r>
            <a:r>
              <a:rPr lang="da-DK" sz="1100"/>
              <a:t>baggrundsbillede. Indsæt et nyt: Klik på </a:t>
            </a:r>
            <a:r>
              <a:rPr lang="da-DK" sz="1100" b="1"/>
              <a:t>Baggrundsbilleder </a:t>
            </a:r>
            <a:r>
              <a:rPr lang="da-DK" sz="1100"/>
              <a:t>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>
            <a:extLst>
              <a:ext uri="{FF2B5EF4-FFF2-40B4-BE49-F238E27FC236}">
                <a16:creationId xmlns:a16="http://schemas.microsoft.com/office/drawing/2014/main" id="{E1FF5F0D-10D8-4C7C-B387-ADA6F4D3954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A2293AA5-FB1A-4BE5-9D75-EAE8F36CED7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F85542D-E470-4262-B221-3E175E25A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/>
          </a:p>
        </p:txBody>
      </p:sp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132B558D-E81E-4986-A329-383B626AE5FB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715DA2-2786-4F9A-B009-68466F6AB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1985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/>
              <a:t>Overskriften flyttes op </a:t>
            </a:r>
            <a:br>
              <a:rPr lang="da-DK"/>
            </a:br>
            <a:r>
              <a:rPr lang="da-DK"/>
              <a:t>eller ned afhængig af motiv </a:t>
            </a:r>
            <a:br>
              <a:rPr lang="da-DK"/>
            </a:br>
            <a:r>
              <a:rPr lang="da-DK"/>
              <a:t>i foto. Max. 3 linjers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E8CBF7-0847-4ADA-99A4-B1144861E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43A9880-ED3B-46FF-AC17-34410DFE2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72077E6-2070-4E74-9A60-0EA64E9DE2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615B818-AFD0-4AE7-843C-187A96364FE9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err="1"/>
              <a:t>Slidet</a:t>
            </a:r>
            <a:r>
              <a:rPr lang="da-DK" sz="1100"/>
              <a:t> bruger </a:t>
            </a:r>
            <a:r>
              <a:rPr lang="da-DK" sz="1100" b="1"/>
              <a:t>mørkt</a:t>
            </a:r>
            <a:r>
              <a:rPr lang="da-DK" sz="1100"/>
              <a:t> baggrundsbillede. Indsæt et nyt: Klik på </a:t>
            </a:r>
            <a:r>
              <a:rPr lang="da-DK" sz="1100" b="1"/>
              <a:t>Baggrundsbilleder</a:t>
            </a:r>
            <a:r>
              <a:rPr lang="da-DK" sz="1100"/>
              <a:t> ikonet i Templafy vinduet, vælg ved at klikke én gang. Vent og vælg knappen </a:t>
            </a:r>
            <a:r>
              <a:rPr lang="da-DK" sz="1100" b="1"/>
              <a:t>Select Image as Background </a:t>
            </a:r>
            <a:r>
              <a:rPr lang="da-DK" sz="1100"/>
              <a:t>under DI fanen. </a:t>
            </a:r>
            <a:endParaRPr lang="en-GB" sz="1100"/>
          </a:p>
        </p:txBody>
      </p:sp>
      <p:pic>
        <p:nvPicPr>
          <p:cNvPr id="5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4466E184-1308-417B-AF5A-07653D5A26C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EC0E8672-9DBD-48CA-9A71-BACFE2B3FDA8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6389918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BFCCA4FA-A913-4EE5-BBDF-951A73A552CC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2297"/>
            <a:ext cx="11109324" cy="136319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50" y="2349500"/>
            <a:ext cx="7248526" cy="3635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err="1"/>
              <a:t>Førs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1</a:t>
            </a:r>
          </a:p>
          <a:p>
            <a:pPr lvl="1"/>
            <a:r>
              <a:rPr lang="en-GB" noProof="0" err="1"/>
              <a:t>Andet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2</a:t>
            </a:r>
          </a:p>
          <a:p>
            <a:pPr lvl="2"/>
            <a:r>
              <a:rPr lang="en-GB" noProof="0" err="1"/>
              <a:t>Tredj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3</a:t>
            </a:r>
          </a:p>
          <a:p>
            <a:pPr lvl="3"/>
            <a:r>
              <a:rPr lang="en-GB" noProof="0" err="1"/>
              <a:t>Fjer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Bullet </a:t>
            </a:r>
            <a:r>
              <a:rPr lang="en-GB" noProof="0" err="1"/>
              <a:t>tekst</a:t>
            </a:r>
            <a:r>
              <a:rPr lang="en-GB" noProof="0"/>
              <a:t> 4</a:t>
            </a:r>
          </a:p>
          <a:p>
            <a:pPr lvl="4"/>
            <a:r>
              <a:rPr lang="en-GB" noProof="0" err="1"/>
              <a:t>Fem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Kommentarer</a:t>
            </a:r>
            <a:endParaRPr lang="en-GB" noProof="0"/>
          </a:p>
          <a:p>
            <a:pPr lvl="5"/>
            <a:r>
              <a:rPr lang="en-GB" noProof="0" err="1"/>
              <a:t>Sjett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Brød</a:t>
            </a:r>
            <a:endParaRPr lang="en-GB" noProof="0"/>
          </a:p>
          <a:p>
            <a:pPr lvl="6"/>
            <a:r>
              <a:rPr lang="en-GB" noProof="0" err="1"/>
              <a:t>Syv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Titel</a:t>
            </a:r>
            <a:endParaRPr lang="en-GB" noProof="0"/>
          </a:p>
          <a:p>
            <a:pPr lvl="7"/>
            <a:r>
              <a:rPr lang="en-GB" noProof="0" err="1"/>
              <a:t>Ott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Citat</a:t>
            </a:r>
            <a:endParaRPr lang="en-GB" noProof="0"/>
          </a:p>
          <a:p>
            <a:pPr lvl="8"/>
            <a:r>
              <a:rPr lang="en-GB" noProof="0" err="1"/>
              <a:t>Niende</a:t>
            </a:r>
            <a:r>
              <a:rPr lang="en-GB" noProof="0"/>
              <a:t> </a:t>
            </a:r>
            <a:r>
              <a:rPr lang="en-GB" noProof="0" err="1"/>
              <a:t>niveau</a:t>
            </a:r>
            <a:r>
              <a:rPr lang="en-GB" noProof="0"/>
              <a:t> = </a:t>
            </a:r>
            <a:r>
              <a:rPr lang="en-GB" noProof="0" err="1"/>
              <a:t>Navn</a:t>
            </a:r>
            <a:endParaRPr lang="en-GB" noProof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498000"/>
            <a:ext cx="540000" cy="360000"/>
          </a:xfrm>
          <a:prstGeom prst="rect">
            <a:avLst/>
          </a:prstGeom>
        </p:spPr>
        <p:txBody>
          <a:bodyPr vert="horz" wrap="square" lIns="180000" tIns="0" rIns="0" bIns="180000" rtlCol="0" anchor="b" anchorCtr="0"/>
          <a:lstStyle>
            <a:lvl1pPr algn="l">
              <a:defRPr sz="900">
                <a:solidFill>
                  <a:srgbClr val="D0D0D0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Pagenumber 30" hidden="1">
            <a:extLst>
              <a:ext uri="{FF2B5EF4-FFF2-40B4-BE49-F238E27FC236}">
                <a16:creationId xmlns:a16="http://schemas.microsoft.com/office/drawing/2014/main" id="{C6BF6B8C-C07B-4BFC-AA15-0E38505E2A7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nr.›</a:t>
            </a:fld>
            <a:endParaRPr lang="en-US" sz="10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45" r:id="rId2"/>
    <p:sldLayoutId id="2147483746" r:id="rId3"/>
    <p:sldLayoutId id="2147483741" r:id="rId4"/>
    <p:sldLayoutId id="2147483758" r:id="rId5"/>
    <p:sldLayoutId id="2147483754" r:id="rId6"/>
    <p:sldLayoutId id="2147483748" r:id="rId7"/>
    <p:sldLayoutId id="2147483749" r:id="rId8"/>
    <p:sldLayoutId id="2147483750" r:id="rId9"/>
    <p:sldLayoutId id="2147483751" r:id="rId10"/>
    <p:sldLayoutId id="2147483755" r:id="rId11"/>
    <p:sldLayoutId id="2147483752" r:id="rId12"/>
    <p:sldLayoutId id="2147483753" r:id="rId13"/>
    <p:sldLayoutId id="2147483756" r:id="rId14"/>
    <p:sldLayoutId id="2147483757" r:id="rId15"/>
    <p:sldLayoutId id="2147483743" r:id="rId16"/>
    <p:sldLayoutId id="2147483744" r:id="rId17"/>
  </p:sldLayoutIdLst>
  <p:hf sldNum="0" hdr="0" ft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008000" indent="-250825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3200" i="1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4200" kern="1200" cap="all" baseline="0">
          <a:solidFill>
            <a:schemeClr val="tx1"/>
          </a:solidFill>
          <a:latin typeface="DI Sans Office Black" panose="00000A00000000000000" pitchFamily="2" charset="0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600" kern="1200">
          <a:solidFill>
            <a:schemeClr val="tx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i="1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pos="7338" userDrawn="1">
          <p15:clr>
            <a:srgbClr val="F26B43"/>
          </p15:clr>
        </p15:guide>
        <p15:guide id="5" orient="horz" pos="3916" userDrawn="1">
          <p15:clr>
            <a:srgbClr val="F26B43"/>
          </p15:clr>
        </p15:guide>
        <p15:guide id="6" orient="horz" pos="1480" userDrawn="1">
          <p15:clr>
            <a:srgbClr val="F26B43"/>
          </p15:clr>
        </p15:guide>
        <p15:guide id="7" pos="2502" userDrawn="1">
          <p15:clr>
            <a:srgbClr val="F26B43"/>
          </p15:clr>
        </p15:guide>
        <p15:guide id="8" pos="2751" userDrawn="1">
          <p15:clr>
            <a:srgbClr val="F26B43"/>
          </p15:clr>
        </p15:guide>
        <p15:guide id="9" pos="4906" userDrawn="1">
          <p15:clr>
            <a:srgbClr val="F26B43"/>
          </p15:clr>
        </p15:guide>
        <p15:guide id="10" pos="5178" userDrawn="1">
          <p15:clr>
            <a:srgbClr val="F26B43"/>
          </p15:clr>
        </p15:guide>
        <p15:guide id="11" orient="horz" pos="363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6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1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1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.xml"/><Relationship Id="rId5" Type="http://schemas.openxmlformats.org/officeDocument/2006/relationships/image" Target="../media/image8.png"/><Relationship Id="rId4" Type="http://schemas.openxmlformats.org/officeDocument/2006/relationships/image" Target="../media/image37.jpe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sv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5.sv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svg"/><Relationship Id="rId4" Type="http://schemas.openxmlformats.org/officeDocument/2006/relationships/image" Target="../media/image13.svg"/><Relationship Id="rId9" Type="http://schemas.openxmlformats.org/officeDocument/2006/relationships/image" Target="../media/image18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9732AAC-CCAD-924E-ADB6-1F854D89F7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28595" y="461691"/>
            <a:ext cx="11109326" cy="653429"/>
          </a:xfrm>
        </p:spPr>
        <p:txBody>
          <a:bodyPr/>
          <a:lstStyle/>
          <a:p>
            <a:r>
              <a:rPr lang="da-DK" dirty="0"/>
              <a:t>Case: Medlemmernes Dag</a:t>
            </a:r>
            <a:endParaRPr lang="en-DK"/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99CFC4BE-1985-5746-AAA8-2ADC4838957E}"/>
              </a:ext>
            </a:extLst>
          </p:cNvPr>
          <p:cNvSpPr txBox="1">
            <a:spLocks/>
          </p:cNvSpPr>
          <p:nvPr/>
        </p:nvSpPr>
        <p:spPr>
          <a:xfrm>
            <a:off x="528595" y="1204329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1800" b="0" i="0" u="none" strike="noStrike" baseline="0" dirty="0">
                <a:solidFill>
                  <a:srgbClr val="FFFFFF"/>
                </a:solidFill>
                <a:latin typeface="31"/>
              </a:rPr>
              <a:t>Datadrevet Organisationsanalyse</a:t>
            </a:r>
          </a:p>
          <a:p>
            <a:endParaRPr lang="da-DK" sz="1800" b="0" dirty="0">
              <a:latin typeface="31"/>
            </a:endParaRPr>
          </a:p>
        </p:txBody>
      </p:sp>
      <p:sp>
        <p:nvSpPr>
          <p:cNvPr id="4" name="Title 2">
            <a:extLst>
              <a:ext uri="{FF2B5EF4-FFF2-40B4-BE49-F238E27FC236}">
                <a16:creationId xmlns:a16="http://schemas.microsoft.com/office/drawing/2014/main" id="{DE0F5E82-93A2-464C-8C4A-7A4889562E5A}"/>
              </a:ext>
            </a:extLst>
          </p:cNvPr>
          <p:cNvSpPr txBox="1">
            <a:spLocks/>
          </p:cNvSpPr>
          <p:nvPr/>
        </p:nvSpPr>
        <p:spPr>
          <a:xfrm>
            <a:off x="528595" y="1494262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DK" sz="1000" b="0"/>
          </a:p>
        </p:txBody>
      </p:sp>
    </p:spTree>
    <p:extLst>
      <p:ext uri="{BB962C8B-B14F-4D97-AF65-F5344CB8AC3E}">
        <p14:creationId xmlns:p14="http://schemas.microsoft.com/office/powerpoint/2010/main" val="18510133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809F37-B8BE-2C40-9150-1525BD212F3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39749" y="493200"/>
            <a:ext cx="10642601" cy="2248627"/>
          </a:xfrm>
        </p:spPr>
        <p:txBody>
          <a:bodyPr/>
          <a:lstStyle/>
          <a:p>
            <a:r>
              <a:rPr lang="da-DK" sz="4400">
                <a:latin typeface="DI Sans Office Black"/>
              </a:rPr>
              <a:t>Udvælgelse af medlemssegment til medlemmernes dag</a:t>
            </a:r>
          </a:p>
        </p:txBody>
      </p:sp>
    </p:spTree>
    <p:extLst>
      <p:ext uri="{BB962C8B-B14F-4D97-AF65-F5344CB8AC3E}">
        <p14:creationId xmlns:p14="http://schemas.microsoft.com/office/powerpoint/2010/main" val="137404908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046435-6D30-4048-BC50-DBE273DBA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ordan skal  medlemmerne inddeles til medlemmernes dag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90431B-7D4F-4629-9D7E-292FDB21939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359410" indent="-359410"/>
            <a:r>
              <a:rPr lang="da-DK"/>
              <a:t>Prioritering</a:t>
            </a:r>
          </a:p>
          <a:p>
            <a:pPr marL="611505" lvl="1" indent="-251460"/>
            <a:r>
              <a:rPr lang="da-DK"/>
              <a:t>Besvarelse af MTU/NPM</a:t>
            </a:r>
          </a:p>
          <a:p>
            <a:pPr marL="611505" lvl="1" indent="-251460"/>
            <a:r>
              <a:rPr lang="da-DK"/>
              <a:t>Brug af ydelser hos DI</a:t>
            </a:r>
          </a:p>
          <a:p>
            <a:pPr marL="359410" indent="-359410"/>
            <a:r>
              <a:rPr lang="da-DK"/>
              <a:t>Segmenteringsvariable</a:t>
            </a:r>
          </a:p>
          <a:p>
            <a:pPr marL="611505" lvl="1" indent="-251460"/>
            <a:r>
              <a:rPr lang="da-DK"/>
              <a:t>Geografi (region)</a:t>
            </a:r>
          </a:p>
          <a:p>
            <a:pPr marL="611505" lvl="1" indent="-251460"/>
            <a:r>
              <a:rPr lang="da-DK"/>
              <a:t>Branchefællesskab - </a:t>
            </a:r>
            <a:r>
              <a:rPr lang="da-DK">
                <a:ea typeface="+mn-lt"/>
                <a:cs typeface="+mn-lt"/>
              </a:rPr>
              <a:t> fokus  Dansk Byggeri</a:t>
            </a:r>
          </a:p>
          <a:p>
            <a:pPr marL="611505" lvl="1" indent="-251460"/>
            <a:r>
              <a:rPr lang="da-DK"/>
              <a:t>Virksomhedsstørrelse – vi ser bort fra virksomheder med mere end 500 ansatte</a:t>
            </a:r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611505" lvl="1" indent="-251460"/>
            <a:endParaRPr lang="da-DK"/>
          </a:p>
          <a:p>
            <a:pPr marL="359410" lvl="1" indent="0">
              <a:buNone/>
            </a:pPr>
            <a:endParaRPr lang="da-DK"/>
          </a:p>
          <a:p>
            <a:pPr marL="359410" lvl="1" indent="0">
              <a:buNone/>
            </a:pPr>
            <a:endParaRPr lang="da-DK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4ECFF40-E652-41CF-966D-AAEAA979B37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7" name="Billede 17">
            <a:extLst>
              <a:ext uri="{FF2B5EF4-FFF2-40B4-BE49-F238E27FC236}">
                <a16:creationId xmlns:a16="http://schemas.microsoft.com/office/drawing/2014/main" id="{A22AF8E0-5FDE-4343-ACD3-9629F2F58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42760" y="2082412"/>
            <a:ext cx="2743200" cy="20835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013604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ADA6E8-3D1D-40C7-AA55-C0CFFF5A56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Geografis betydning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941BB2B-B86B-461D-8EFF-4D36A61023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indhold 5">
            <a:extLst>
              <a:ext uri="{FF2B5EF4-FFF2-40B4-BE49-F238E27FC236}">
                <a16:creationId xmlns:a16="http://schemas.microsoft.com/office/drawing/2014/main" id="{DC4E8585-C7E0-4969-8720-69DF53327984}"/>
              </a:ext>
            </a:extLst>
          </p:cNvPr>
          <p:cNvSpPr txBox="1">
            <a:spLocks/>
          </p:cNvSpPr>
          <p:nvPr/>
        </p:nvSpPr>
        <p:spPr>
          <a:xfrm>
            <a:off x="1002302" y="4378073"/>
            <a:ext cx="3420000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/>
              <a:t>Gennemsnitlig besvarelsesprocent af MTU og NPM</a:t>
            </a:r>
          </a:p>
        </p:txBody>
      </p:sp>
      <p:sp>
        <p:nvSpPr>
          <p:cNvPr id="8" name="Pladsholder til indhold 5">
            <a:extLst>
              <a:ext uri="{FF2B5EF4-FFF2-40B4-BE49-F238E27FC236}">
                <a16:creationId xmlns:a16="http://schemas.microsoft.com/office/drawing/2014/main" id="{B261A964-BBD2-48B7-9A0C-8B1E0D7A5076}"/>
              </a:ext>
            </a:extLst>
          </p:cNvPr>
          <p:cNvSpPr txBox="1">
            <a:spLocks/>
          </p:cNvSpPr>
          <p:nvPr/>
        </p:nvSpPr>
        <p:spPr>
          <a:xfrm>
            <a:off x="6505453" y="4378072"/>
            <a:ext cx="3420000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/>
              <a:t>Brug af DI’s ydelser og service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751AA428-AA49-4D73-BA7B-1D305227750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359" b="51699"/>
          <a:stretch/>
        </p:blipFill>
        <p:spPr>
          <a:xfrm>
            <a:off x="539750" y="1517569"/>
            <a:ext cx="4517685" cy="2872510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4BE067F2-0CC4-4725-B1D8-0F51E7E029D1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51018" b="2041"/>
          <a:stretch/>
        </p:blipFill>
        <p:spPr>
          <a:xfrm>
            <a:off x="5407768" y="1505563"/>
            <a:ext cx="4517685" cy="28725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972227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ADA6E8-3D1D-40C7-AA55-C0CFFF5A56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Medlemmernes størrels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941BB2B-B86B-461D-8EFF-4D36A61023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D0F847D-09EA-4B3F-8716-76C7F440579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51662"/>
          <a:stretch/>
        </p:blipFill>
        <p:spPr>
          <a:xfrm>
            <a:off x="6145923" y="1766408"/>
            <a:ext cx="4139060" cy="2611665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3A25845E-94FF-460C-928D-670F1F94C5D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51662"/>
          <a:stretch/>
        </p:blipFill>
        <p:spPr>
          <a:xfrm>
            <a:off x="642772" y="1766408"/>
            <a:ext cx="4139060" cy="2611665"/>
          </a:xfrm>
          <a:prstGeom prst="rect">
            <a:avLst/>
          </a:prstGeom>
        </p:spPr>
      </p:pic>
      <p:sp>
        <p:nvSpPr>
          <p:cNvPr id="7" name="Pladsholder til indhold 5">
            <a:extLst>
              <a:ext uri="{FF2B5EF4-FFF2-40B4-BE49-F238E27FC236}">
                <a16:creationId xmlns:a16="http://schemas.microsoft.com/office/drawing/2014/main" id="{DC4E8585-C7E0-4969-8720-69DF53327984}"/>
              </a:ext>
            </a:extLst>
          </p:cNvPr>
          <p:cNvSpPr txBox="1">
            <a:spLocks/>
          </p:cNvSpPr>
          <p:nvPr/>
        </p:nvSpPr>
        <p:spPr>
          <a:xfrm>
            <a:off x="1002302" y="4378073"/>
            <a:ext cx="3420000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/>
              <a:t>Besvarelsesprocent af MTU og NPM</a:t>
            </a:r>
          </a:p>
        </p:txBody>
      </p:sp>
      <p:sp>
        <p:nvSpPr>
          <p:cNvPr id="8" name="Pladsholder til indhold 5">
            <a:extLst>
              <a:ext uri="{FF2B5EF4-FFF2-40B4-BE49-F238E27FC236}">
                <a16:creationId xmlns:a16="http://schemas.microsoft.com/office/drawing/2014/main" id="{B261A964-BBD2-48B7-9A0C-8B1E0D7A5076}"/>
              </a:ext>
            </a:extLst>
          </p:cNvPr>
          <p:cNvSpPr txBox="1">
            <a:spLocks/>
          </p:cNvSpPr>
          <p:nvPr/>
        </p:nvSpPr>
        <p:spPr>
          <a:xfrm>
            <a:off x="6505453" y="4378072"/>
            <a:ext cx="3420000" cy="1493475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08000" indent="-25082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DI Sans Office" panose="02000503000000020003" pitchFamily="2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0000A00000000000000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/>
              <a:t>Brug af DI’s ydelser og service</a:t>
            </a:r>
          </a:p>
        </p:txBody>
      </p:sp>
    </p:spTree>
    <p:extLst>
      <p:ext uri="{BB962C8B-B14F-4D97-AF65-F5344CB8AC3E}">
        <p14:creationId xmlns:p14="http://schemas.microsoft.com/office/powerpoint/2010/main" val="223336634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FB6912-DD61-4DCF-B622-7C7FDAD0B3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ranchefællesskab og størrelse:</a:t>
            </a:r>
            <a:br>
              <a:rPr lang="da-DK"/>
            </a:br>
            <a:r>
              <a:rPr lang="da-DK"/>
              <a:t>Bevarelsesprocent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0A97686-A15A-4EB9-83CF-1107671C44D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9214DF2A-16F7-4DD5-AEED-4EAE44E92E3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1654636" y="745393"/>
            <a:ext cx="3993856" cy="6224294"/>
          </a:xfrm>
          <a:prstGeom prst="rect">
            <a:avLst/>
          </a:prstGeom>
        </p:spPr>
      </p:pic>
      <p:sp>
        <p:nvSpPr>
          <p:cNvPr id="3" name="TextBox 10">
            <a:extLst>
              <a:ext uri="{FF2B5EF4-FFF2-40B4-BE49-F238E27FC236}">
                <a16:creationId xmlns:a16="http://schemas.microsoft.com/office/drawing/2014/main" id="{63783B4D-60CE-4B26-B177-4BBC4588F487}"/>
              </a:ext>
            </a:extLst>
          </p:cNvPr>
          <p:cNvSpPr txBox="1"/>
          <p:nvPr/>
        </p:nvSpPr>
        <p:spPr>
          <a:xfrm>
            <a:off x="7383512" y="1580888"/>
            <a:ext cx="3116903" cy="3647152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solidFill>
                  <a:srgbClr val="000000"/>
                </a:solidFill>
                <a:latin typeface="DI Sans Office"/>
              </a:rPr>
              <a:t>Forklaring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Jo mere grøn, jo højere svarprocent</a:t>
            </a:r>
            <a:endParaRPr lang="da-DK" sz="2000" dirty="0">
              <a:solidFill>
                <a:srgbClr val="000000"/>
              </a:solidFill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r>
              <a:rPr lang="da-DK" sz="2000" dirty="0">
                <a:solidFill>
                  <a:srgbClr val="000000"/>
                </a:solidFill>
                <a:latin typeface="DI Sans Office"/>
              </a:rPr>
              <a:t>Udvalgte tal:</a:t>
            </a:r>
            <a:endParaRPr lang="da-DK" sz="2000" dirty="0"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latin typeface="DI Sans Office"/>
              </a:rPr>
              <a:t>Top 3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latin typeface="DI Sans Office"/>
              </a:rPr>
              <a:t>DI Service, meget stor: 65%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DI Handel, meget stor: 60%</a:t>
            </a:r>
            <a:br>
              <a:rPr lang="da-DK" sz="1600" dirty="0">
                <a:latin typeface="DI Sans Office"/>
              </a:rPr>
            </a:br>
            <a:r>
              <a:rPr lang="da-DK" sz="1600" dirty="0">
                <a:latin typeface="DI Sans Office"/>
              </a:rPr>
              <a:t>Bilbranchen, mikro:  55%</a:t>
            </a:r>
          </a:p>
          <a:p>
            <a:pPr>
              <a:spcAft>
                <a:spcPts val="1800"/>
              </a:spcAft>
              <a:defRPr/>
            </a:pPr>
            <a:r>
              <a:rPr lang="da-DK" sz="2000" u="sng" dirty="0">
                <a:solidFill>
                  <a:srgbClr val="000000"/>
                </a:solidFill>
                <a:latin typeface="DI Sans Office"/>
              </a:rPr>
              <a:t>Bund 3:</a:t>
            </a:r>
            <a:br>
              <a:rPr lang="da-DK" sz="20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DI Dansk Byggeri, mellemstor: 8%</a:t>
            </a:r>
            <a:br>
              <a:rPr lang="da-DK" sz="16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Bilbranchen, lille: 9%</a:t>
            </a:r>
            <a:br>
              <a:rPr lang="da-DK" sz="1600" dirty="0">
                <a:solidFill>
                  <a:srgbClr val="000000"/>
                </a:solidFill>
                <a:latin typeface="DI Sans Office"/>
              </a:rPr>
            </a:br>
            <a:r>
              <a:rPr lang="da-DK" sz="1600" dirty="0">
                <a:solidFill>
                  <a:srgbClr val="000000"/>
                </a:solidFill>
                <a:latin typeface="DI Sans Office"/>
              </a:rPr>
              <a:t>DI Dansk Byggeri, lille: 11% </a:t>
            </a:r>
          </a:p>
        </p:txBody>
      </p:sp>
      <p:sp>
        <p:nvSpPr>
          <p:cNvPr id="4" name="Rectangle 23">
            <a:extLst>
              <a:ext uri="{FF2B5EF4-FFF2-40B4-BE49-F238E27FC236}">
                <a16:creationId xmlns:a16="http://schemas.microsoft.com/office/drawing/2014/main" id="{F438BE75-A30F-4BF4-BA7C-C4BD5986483C}"/>
              </a:ext>
            </a:extLst>
          </p:cNvPr>
          <p:cNvSpPr/>
          <p:nvPr/>
        </p:nvSpPr>
        <p:spPr>
          <a:xfrm>
            <a:off x="7247081" y="1456600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18644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FB6912-DD61-4DCF-B622-7C7FDAD0B3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ranchefællesskab og størrelse:</a:t>
            </a:r>
            <a:br>
              <a:rPr lang="da-DK"/>
            </a:br>
            <a:r>
              <a:rPr lang="da-DK"/>
              <a:t>Brug af ydelser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0A97686-A15A-4EB9-83CF-1107671C44D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B2F12667-829A-4855-B8E8-2779884FDB9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1805680" y="995664"/>
            <a:ext cx="3314987" cy="5837426"/>
          </a:xfrm>
          <a:prstGeom prst="rect">
            <a:avLst/>
          </a:prstGeom>
        </p:spPr>
      </p:pic>
      <p:sp>
        <p:nvSpPr>
          <p:cNvPr id="12" name="TextBox 10">
            <a:extLst>
              <a:ext uri="{FF2B5EF4-FFF2-40B4-BE49-F238E27FC236}">
                <a16:creationId xmlns:a16="http://schemas.microsoft.com/office/drawing/2014/main" id="{11BF1000-0CFE-4544-B472-157163CB90E7}"/>
              </a:ext>
            </a:extLst>
          </p:cNvPr>
          <p:cNvSpPr txBox="1"/>
          <p:nvPr/>
        </p:nvSpPr>
        <p:spPr>
          <a:xfrm>
            <a:off x="7383512" y="1580888"/>
            <a:ext cx="3116903" cy="3939540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>
                <a:solidFill>
                  <a:srgbClr val="000000"/>
                </a:solidFill>
                <a:ea typeface="+mn-lt"/>
                <a:cs typeface="+mn-lt"/>
              </a:rPr>
              <a:t>Forklaring:</a:t>
            </a:r>
            <a:br>
              <a:rPr lang="da-DK" sz="2000">
                <a:solidFill>
                  <a:srgbClr val="000000"/>
                </a:solidFill>
                <a:ea typeface="+mn-lt"/>
                <a:cs typeface="+mn-lt"/>
              </a:rPr>
            </a:br>
            <a:r>
              <a:rPr lang="da-DK" sz="1600">
                <a:solidFill>
                  <a:srgbClr val="000000"/>
                </a:solidFill>
                <a:ea typeface="+mn-lt"/>
                <a:cs typeface="+mn-lt"/>
              </a:rPr>
              <a:t>Jo mere blå, jo mere brug af ydelser</a:t>
            </a:r>
            <a:endParaRPr lang="da-DK" sz="1600"/>
          </a:p>
          <a:p>
            <a:pPr>
              <a:spcAft>
                <a:spcPts val="1800"/>
              </a:spcAft>
              <a:defRPr/>
            </a:pPr>
            <a:r>
              <a:rPr lang="da-DK" sz="2000">
                <a:solidFill>
                  <a:srgbClr val="000000"/>
                </a:solidFill>
                <a:latin typeface="DI Sans Office"/>
              </a:rPr>
              <a:t>Udvalgte tal:</a:t>
            </a:r>
            <a:endParaRPr lang="da-DK" sz="2000"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r>
              <a:rPr lang="da-DK" sz="2000" u="sng">
                <a:solidFill>
                  <a:srgbClr val="000000"/>
                </a:solidFill>
                <a:ea typeface="+mn-lt"/>
                <a:cs typeface="+mn-lt"/>
              </a:rPr>
              <a:t>Bund 5:</a:t>
            </a:r>
            <a:br>
              <a:rPr lang="da-DK" sz="2000" u="sng">
                <a:solidFill>
                  <a:srgbClr val="000000"/>
                </a:solidFill>
                <a:ea typeface="+mn-lt"/>
                <a:cs typeface="+mn-lt"/>
              </a:rPr>
            </a:br>
            <a:r>
              <a:rPr lang="da-DK" sz="1600">
                <a:latin typeface="DI Sans Office"/>
              </a:rPr>
              <a:t>DI Byg, mikro: 1,09</a:t>
            </a:r>
            <a:br>
              <a:rPr lang="da-DK" sz="1600">
                <a:latin typeface="DI Sans Office"/>
              </a:rPr>
            </a:br>
            <a:r>
              <a:rPr lang="da-DK" sz="1600">
                <a:latin typeface="DI Sans Office"/>
              </a:rPr>
              <a:t>DI Service, mikro: 1,09</a:t>
            </a:r>
            <a:br>
              <a:rPr lang="da-DK" sz="1600">
                <a:latin typeface="DI Sans Office"/>
              </a:rPr>
            </a:br>
            <a:r>
              <a:rPr lang="da-DK" sz="1600">
                <a:latin typeface="DI Sans Office"/>
              </a:rPr>
              <a:t>DI Transport, mikro: 1,11</a:t>
            </a:r>
            <a:br>
              <a:rPr lang="da-DK" sz="1600">
                <a:latin typeface="DI Sans Office"/>
              </a:rPr>
            </a:br>
            <a:r>
              <a:rPr lang="da-DK" sz="1600">
                <a:latin typeface="DI Sans Office"/>
              </a:rPr>
              <a:t>Bilbranchen, mikro: 1,13</a:t>
            </a:r>
            <a:br>
              <a:rPr lang="da-DK" sz="1600">
                <a:latin typeface="DI Sans Office"/>
              </a:rPr>
            </a:br>
            <a:r>
              <a:rPr lang="da-DK" sz="1600">
                <a:latin typeface="DI Sans Office"/>
              </a:rPr>
              <a:t>DI Handel, mikro:   1,16</a:t>
            </a:r>
          </a:p>
          <a:p>
            <a:pPr>
              <a:spcAft>
                <a:spcPts val="1800"/>
              </a:spcAft>
              <a:defRPr/>
            </a:pPr>
            <a:endParaRPr lang="da-DK" sz="2000">
              <a:solidFill>
                <a:srgbClr val="000000"/>
              </a:solidFill>
              <a:latin typeface="DI Sans Office"/>
            </a:endParaRPr>
          </a:p>
          <a:p>
            <a:pPr>
              <a:spcAft>
                <a:spcPts val="1800"/>
              </a:spcAft>
              <a:defRPr/>
            </a:pPr>
            <a:endParaRPr lang="da-DK" sz="2000">
              <a:solidFill>
                <a:srgbClr val="000000"/>
              </a:solidFill>
              <a:latin typeface="DI Sans Office"/>
            </a:endParaRPr>
          </a:p>
        </p:txBody>
      </p:sp>
      <p:sp>
        <p:nvSpPr>
          <p:cNvPr id="14" name="Rectangle 23">
            <a:extLst>
              <a:ext uri="{FF2B5EF4-FFF2-40B4-BE49-F238E27FC236}">
                <a16:creationId xmlns:a16="http://schemas.microsoft.com/office/drawing/2014/main" id="{86461869-0B7D-4D3B-87B2-99FA3882F8A9}"/>
              </a:ext>
            </a:extLst>
          </p:cNvPr>
          <p:cNvSpPr/>
          <p:nvPr/>
        </p:nvSpPr>
        <p:spPr>
          <a:xfrm>
            <a:off x="7247081" y="1456600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5907457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45394"/>
            <a:ext cx="9178653" cy="5893986"/>
            <a:chOff x="879948" y="595116"/>
            <a:chExt cx="4834388" cy="7732813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1059569"/>
              <a:ext cx="4244508" cy="7268360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spAutoFit/>
            </a:bodyPr>
            <a:lstStyle/>
            <a:p>
              <a:pPr marL="457200" marR="0" lvl="0" indent="-457200" defTabSz="914400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AutoNum type="arabicPeriod"/>
                <a:tabLst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Ikke markant forskel på brug og besvarelsesprocent på kryds af regioner</a:t>
              </a:r>
              <a:endParaRPr lang="da-DK" dirty="0"/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Virksomhedsstørrelse synes have betydning – mindre virksomheder svare mindre og benytter ydelser i mindre grad</a:t>
              </a: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Specifikke branchefællesskaber synes at skille sig ud – heriblandt Dansk Byggeri på tværs af størrelse</a:t>
              </a:r>
            </a:p>
            <a:p>
              <a:pPr>
                <a:spcAft>
                  <a:spcPts val="1800"/>
                </a:spcAft>
                <a:defRPr/>
              </a:pPr>
              <a:endParaRPr lang="da-DK" sz="2000" dirty="0">
                <a:solidFill>
                  <a:srgbClr val="000000"/>
                </a:solidFill>
                <a:ea typeface="+mn-lt"/>
                <a:cs typeface="+mn-lt"/>
              </a:endParaRPr>
            </a:p>
            <a:p>
              <a:pPr>
                <a:spcAft>
                  <a:spcPts val="1800"/>
                </a:spcAft>
                <a:defRPr/>
              </a:pPr>
              <a:r>
                <a:rPr lang="da-DK" sz="2000" u="sng" dirty="0">
                  <a:solidFill>
                    <a:srgbClr val="000000"/>
                  </a:solidFill>
                  <a:ea typeface="+mn-lt"/>
                  <a:cs typeface="+mn-lt"/>
                </a:rPr>
                <a:t>DI bør fokusere på mindre virksomheder og Dansk Byggeri</a:t>
              </a:r>
              <a:endParaRPr lang="da-DK" u="sng" dirty="0"/>
            </a:p>
            <a:p>
              <a:pPr marL="914400" lvl="1" indent="-457200">
                <a:spcAft>
                  <a:spcPts val="1800"/>
                </a:spcAft>
                <a:buFont typeface="Arial"/>
                <a:buChar char="•"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Frygt for at Dansk Byggeri mister incitament til at blive i DI </a:t>
              </a:r>
              <a:r>
                <a:rPr lang="da-DK" sz="2000" dirty="0">
                  <a:ea typeface="+mn-lt"/>
                  <a:cs typeface="+mn-lt"/>
                </a:rPr>
                <a:t>→</a:t>
              </a: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 Vi skal styrke relation til Dansk Byggeri på Medlemmernes  Dag</a:t>
              </a:r>
            </a:p>
            <a:p>
              <a:pPr marR="0" lvl="0" indent="-457200" defTabSz="914400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AutoNum type="arabicPeriod" startAt="2"/>
                <a:tabLst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Udvælgelse af segment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362380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b="1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 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86626267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57F5650-43A7-4BD2-9615-78B51D23D47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>
                <a:latin typeface="DI Sans Office Black"/>
              </a:rPr>
              <a:t>Analyse af svar på Medlemmernes Da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4213255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046435-6D30-4048-BC50-DBE273DBA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gangspunkt for analysen af  Medlemmernes Da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90431B-7D4F-4629-9D7E-292FDB21939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359410" indent="-359410"/>
            <a:r>
              <a:rPr lang="da-DK" dirty="0"/>
              <a:t>Analyseområder</a:t>
            </a:r>
          </a:p>
          <a:p>
            <a:pPr marL="611505" lvl="1" indent="-251460"/>
            <a:r>
              <a:rPr lang="da-DK" dirty="0"/>
              <a:t>Covid-19's betydning </a:t>
            </a:r>
          </a:p>
          <a:p>
            <a:pPr marL="611505" lvl="1" indent="-251460"/>
            <a:r>
              <a:rPr lang="da-DK" dirty="0"/>
              <a:t>Medlemmernes udfordringer</a:t>
            </a:r>
          </a:p>
          <a:p>
            <a:pPr marL="611505" lvl="1" indent="-251460"/>
            <a:r>
              <a:rPr lang="da-DK" dirty="0"/>
              <a:t>Medlemmernes tilfredshed med DI's indsats</a:t>
            </a:r>
          </a:p>
          <a:p>
            <a:pPr marL="359410" indent="-359410"/>
            <a:r>
              <a:rPr lang="da-DK" dirty="0"/>
              <a:t>Sammenligning af vurderingsform</a:t>
            </a:r>
          </a:p>
          <a:p>
            <a:pPr marL="611505" lvl="1" indent="-251460"/>
            <a:r>
              <a:rPr lang="da-DK" dirty="0"/>
              <a:t>Manuel kodning </a:t>
            </a:r>
          </a:p>
          <a:p>
            <a:pPr marL="611505" lvl="1" indent="-251460"/>
            <a:r>
              <a:rPr lang="da-DK" dirty="0"/>
              <a:t>Automatiseret </a:t>
            </a:r>
            <a:r>
              <a:rPr lang="da-DK" dirty="0" err="1"/>
              <a:t>sentimentanalyse</a:t>
            </a:r>
            <a:endParaRPr lang="da-DK" dirty="0"/>
          </a:p>
          <a:p>
            <a:pPr marL="565150" indent="-457200">
              <a:buAutoNum type="arabicPeriod"/>
            </a:pPr>
            <a:r>
              <a:rPr lang="da-DK" dirty="0"/>
              <a:t>Anbefalinger</a:t>
            </a:r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611505" lvl="1" indent="-251460"/>
            <a:endParaRPr lang="da-DK" dirty="0"/>
          </a:p>
          <a:p>
            <a:pPr marL="359410" lvl="1" indent="0">
              <a:buNone/>
            </a:pPr>
            <a:endParaRPr lang="da-DK" dirty="0"/>
          </a:p>
          <a:p>
            <a:pPr marL="359410" lvl="1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4ECFF40-E652-41CF-966D-AAEAA979B37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7" name="Billede 17">
            <a:extLst>
              <a:ext uri="{FF2B5EF4-FFF2-40B4-BE49-F238E27FC236}">
                <a16:creationId xmlns:a16="http://schemas.microsoft.com/office/drawing/2014/main" id="{A22AF8E0-5FDE-4343-ACD3-9629F2F58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42760" y="2082412"/>
            <a:ext cx="2743200" cy="2083576"/>
          </a:xfrm>
          <a:prstGeom prst="rect">
            <a:avLst/>
          </a:prstGeom>
        </p:spPr>
      </p:pic>
      <p:pic>
        <p:nvPicPr>
          <p:cNvPr id="6" name="Billede 6">
            <a:extLst>
              <a:ext uri="{FF2B5EF4-FFF2-40B4-BE49-F238E27FC236}">
                <a16:creationId xmlns:a16="http://schemas.microsoft.com/office/drawing/2014/main" id="{A4556B96-C1C0-4091-A5D8-F9987239A33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29375" y="2124623"/>
            <a:ext cx="3152775" cy="19896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66246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46356298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D84573E-E917-4FFF-9C88-13B5379553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or optaget er medlemmerne af COVID-19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2E744E1-DC70-4518-B004-3D5F545E22F0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wrap="square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>
                <a:ea typeface="+mn-lt"/>
                <a:cs typeface="+mn-lt"/>
              </a:rPr>
              <a:t>Vi opstillede et </a:t>
            </a:r>
            <a:r>
              <a:rPr lang="da-DK" b="1" dirty="0">
                <a:ea typeface="+mn-lt"/>
                <a:cs typeface="+mn-lt"/>
              </a:rPr>
              <a:t>mål for </a:t>
            </a:r>
            <a:r>
              <a:rPr lang="da-DK" b="1" dirty="0" err="1">
                <a:ea typeface="+mn-lt"/>
                <a:cs typeface="+mn-lt"/>
              </a:rPr>
              <a:t>corona</a:t>
            </a:r>
            <a:r>
              <a:rPr lang="da-DK" b="1" dirty="0">
                <a:ea typeface="+mn-lt"/>
                <a:cs typeface="+mn-lt"/>
              </a:rPr>
              <a:t>-relaterede  ord</a:t>
            </a:r>
            <a:r>
              <a:rPr lang="da-DK" baseline="30000" dirty="0">
                <a:ea typeface="+mn-lt"/>
                <a:cs typeface="+mn-lt"/>
              </a:rPr>
              <a:t>1</a:t>
            </a:r>
            <a:r>
              <a:rPr lang="da-DK" dirty="0">
                <a:ea typeface="+mn-lt"/>
                <a:cs typeface="+mn-lt"/>
              </a:rPr>
              <a:t> og fandt at: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479 medlemmer nævner ord relateret til COVID-19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Dette svarer til 28%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Sammenlignet med manuel farvekodning af, hvordan det går:</a:t>
            </a:r>
          </a:p>
          <a:p>
            <a:pPr marL="594995" lvl="1" indent="-342900"/>
            <a:r>
              <a:rPr lang="da-DK" dirty="0"/>
              <a:t>Klart størst andel i rød-kategori nævner </a:t>
            </a:r>
            <a:r>
              <a:rPr lang="da-DK" dirty="0" err="1"/>
              <a:t>corona</a:t>
            </a:r>
            <a:r>
              <a:rPr lang="da-DK" dirty="0"/>
              <a:t>-relaterede ord</a:t>
            </a:r>
          </a:p>
          <a:p>
            <a:pPr marL="594995" lvl="1" indent="-342900"/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57E51929-7EAC-4C3B-8D91-538EE0D3D10F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9A9136CF-5D3E-433A-B512-59D1571A55F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pPr>
              <a:buNone/>
            </a:pPr>
            <a:r>
              <a:rPr lang="da-DK"/>
              <a:t>1: Bilag 1, </a:t>
            </a:r>
            <a:r>
              <a:rPr lang="da-DK" err="1"/>
              <a:t>corona</a:t>
            </a:r>
            <a:r>
              <a:rPr lang="da-DK"/>
              <a:t>-relaterede ord</a:t>
            </a:r>
          </a:p>
        </p:txBody>
      </p:sp>
      <p:pic>
        <p:nvPicPr>
          <p:cNvPr id="9" name="Billede 2">
            <a:extLst>
              <a:ext uri="{FF2B5EF4-FFF2-40B4-BE49-F238E27FC236}">
                <a16:creationId xmlns:a16="http://schemas.microsoft.com/office/drawing/2014/main" id="{8C042A91-11FF-4A53-8A3D-B4B30C89A55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85227" y="2346945"/>
            <a:ext cx="4100185" cy="30122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886577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4F5D567-B112-450B-A451-EAE7BA28F5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ea typeface="+mj-lt"/>
                <a:cs typeface="+mj-lt"/>
              </a:rPr>
              <a:t>Hvor optaget er medlemmerne af COVID-19?</a:t>
            </a:r>
            <a:endParaRPr lang="da-DK" b="0">
              <a:ea typeface="+mj-lt"/>
              <a:cs typeface="+mj-lt"/>
            </a:endParaRPr>
          </a:p>
          <a:p>
            <a:endParaRPr lang="da-DK"/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CAD6C4C4-C699-4771-99D1-3B328015649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1C9CE94B-B881-4B91-8412-E850839D8260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7" name="Billede 3">
            <a:extLst>
              <a:ext uri="{FF2B5EF4-FFF2-40B4-BE49-F238E27FC236}">
                <a16:creationId xmlns:a16="http://schemas.microsoft.com/office/drawing/2014/main" id="{9A84947E-D315-436E-A8DB-5A129871112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89201" y="2013440"/>
            <a:ext cx="3286125" cy="3640825"/>
          </a:xfrm>
          <a:prstGeom prst="rect">
            <a:avLst/>
          </a:prstGeom>
        </p:spPr>
      </p:pic>
      <p:pic>
        <p:nvPicPr>
          <p:cNvPr id="9" name="Billede 4">
            <a:extLst>
              <a:ext uri="{FF2B5EF4-FFF2-40B4-BE49-F238E27FC236}">
                <a16:creationId xmlns:a16="http://schemas.microsoft.com/office/drawing/2014/main" id="{69A5F4E7-55C2-45BE-96AE-6942F007DCE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84981" y="2023252"/>
            <a:ext cx="4815997" cy="3476811"/>
          </a:xfrm>
          <a:prstGeom prst="rect">
            <a:avLst/>
          </a:prstGeom>
        </p:spPr>
      </p:pic>
      <p:sp>
        <p:nvSpPr>
          <p:cNvPr id="6" name="TextBox 10">
            <a:extLst>
              <a:ext uri="{FF2B5EF4-FFF2-40B4-BE49-F238E27FC236}">
                <a16:creationId xmlns:a16="http://schemas.microsoft.com/office/drawing/2014/main" id="{340119BF-4AAB-4970-9F31-7E5230A0E1E2}"/>
              </a:ext>
            </a:extLst>
          </p:cNvPr>
          <p:cNvSpPr txBox="1"/>
          <p:nvPr/>
        </p:nvSpPr>
        <p:spPr>
          <a:xfrm>
            <a:off x="439787" y="1609463"/>
            <a:ext cx="3212153" cy="4201150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dirty="0">
                <a:ea typeface="+mn-lt"/>
                <a:cs typeface="+mn-lt"/>
              </a:rPr>
              <a:t>Undersøges spørgsmålet med automatiseret </a:t>
            </a:r>
            <a:r>
              <a:rPr lang="da-DK" sz="2000" dirty="0" err="1">
                <a:ea typeface="+mn-lt"/>
                <a:cs typeface="+mn-lt"/>
              </a:rPr>
              <a:t>sentiment</a:t>
            </a:r>
            <a:r>
              <a:rPr lang="da-DK" sz="2000" dirty="0">
                <a:ea typeface="+mn-lt"/>
                <a:cs typeface="+mn-lt"/>
              </a:rPr>
              <a:t> </a:t>
            </a:r>
            <a:r>
              <a:rPr lang="da-DK" sz="2000" dirty="0" err="1">
                <a:ea typeface="+mn-lt"/>
                <a:cs typeface="+mn-lt"/>
              </a:rPr>
              <a:t>ana-lyse</a:t>
            </a:r>
            <a:r>
              <a:rPr lang="da-DK" sz="2000" dirty="0">
                <a:ea typeface="+mn-lt"/>
                <a:cs typeface="+mn-lt"/>
              </a:rPr>
              <a:t> findes samme mønster lige</a:t>
            </a:r>
            <a:r>
              <a:rPr lang="da-DK" sz="1900" dirty="0">
                <a:ea typeface="+mn-lt"/>
                <a:cs typeface="+mn-lt"/>
              </a:rPr>
              <a:t>ledes: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900" dirty="0"/>
              <a:t>Det er sammenhæng </a:t>
            </a:r>
            <a:r>
              <a:rPr lang="da-DK" sz="1900" dirty="0" err="1"/>
              <a:t>corona</a:t>
            </a:r>
            <a:r>
              <a:rPr lang="da-DK" sz="1900" dirty="0"/>
              <a:t> mellem lavere scorer</a:t>
            </a:r>
          </a:p>
          <a:p>
            <a:pPr>
              <a:spcAft>
                <a:spcPts val="1800"/>
              </a:spcAft>
              <a:defRPr/>
            </a:pPr>
            <a:r>
              <a:rPr lang="da-DK" sz="1900" dirty="0" err="1"/>
              <a:t>Sentimentanalyse</a:t>
            </a:r>
            <a:r>
              <a:rPr lang="da-DK" sz="1900" dirty="0"/>
              <a:t> hænger umiddelbart sammen manuel farvekodning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  <a:p>
            <a:pPr marL="800100" lvl="1" indent="-342900">
              <a:spcAft>
                <a:spcPts val="1800"/>
              </a:spcAft>
              <a:buFont typeface="Arial"/>
              <a:buChar char="•"/>
              <a:defRPr/>
            </a:pPr>
            <a:endParaRPr lang="da-DK" sz="1900" dirty="0"/>
          </a:p>
        </p:txBody>
      </p:sp>
      <p:sp>
        <p:nvSpPr>
          <p:cNvPr id="11" name="Rectangle 23">
            <a:extLst>
              <a:ext uri="{FF2B5EF4-FFF2-40B4-BE49-F238E27FC236}">
                <a16:creationId xmlns:a16="http://schemas.microsoft.com/office/drawing/2014/main" id="{B15CBFAB-C299-4E0E-8C0E-3107D105B543}"/>
              </a:ext>
            </a:extLst>
          </p:cNvPr>
          <p:cNvSpPr/>
          <p:nvPr/>
        </p:nvSpPr>
        <p:spPr>
          <a:xfrm>
            <a:off x="341456" y="14089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0892639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 udfordringer giver medlemmerne udtryk for?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TextBox 10">
            <a:extLst>
              <a:ext uri="{FF2B5EF4-FFF2-40B4-BE49-F238E27FC236}">
                <a16:creationId xmlns:a16="http://schemas.microsoft.com/office/drawing/2014/main" id="{44C26597-1689-4C5B-91DE-2C7554D43496}"/>
              </a:ext>
            </a:extLst>
          </p:cNvPr>
          <p:cNvSpPr txBox="1"/>
          <p:nvPr/>
        </p:nvSpPr>
        <p:spPr>
          <a:xfrm>
            <a:off x="9012287" y="1899023"/>
            <a:ext cx="2533973" cy="238526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/>
              <a:t>Forklaring af farver:</a:t>
            </a:r>
            <a:endParaRPr lang="da-DK"/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>
                <a:solidFill>
                  <a:srgbClr val="002060"/>
                </a:solidFill>
              </a:rPr>
              <a:t>Blå:</a:t>
            </a:r>
            <a:r>
              <a:rPr lang="da-DK"/>
              <a:t> Politisk interessevaretagelse</a:t>
            </a:r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>
                <a:solidFill>
                  <a:srgbClr val="FF0000"/>
                </a:solidFill>
              </a:rPr>
              <a:t>Rød:</a:t>
            </a:r>
            <a:r>
              <a:rPr lang="da-DK"/>
              <a:t> OK/Personalejuridisk</a:t>
            </a:r>
          </a:p>
          <a:p>
            <a:pPr marL="285750" indent="-285750">
              <a:spcAft>
                <a:spcPts val="1800"/>
              </a:spcAft>
              <a:buFont typeface="Arial"/>
              <a:buChar char="•"/>
              <a:defRPr/>
            </a:pPr>
            <a:r>
              <a:rPr lang="da-DK" b="1">
                <a:solidFill>
                  <a:srgbClr val="D19900"/>
                </a:solidFill>
              </a:rPr>
              <a:t>Gul:</a:t>
            </a:r>
            <a:r>
              <a:rPr lang="da-DK">
                <a:solidFill>
                  <a:srgbClr val="D19900"/>
                </a:solidFill>
              </a:rPr>
              <a:t> </a:t>
            </a:r>
            <a:r>
              <a:rPr lang="da-DK"/>
              <a:t>Corona</a:t>
            </a:r>
          </a:p>
        </p:txBody>
      </p:sp>
      <p:sp>
        <p:nvSpPr>
          <p:cNvPr id="10" name="Rectangle 23">
            <a:extLst>
              <a:ext uri="{FF2B5EF4-FFF2-40B4-BE49-F238E27FC236}">
                <a16:creationId xmlns:a16="http://schemas.microsoft.com/office/drawing/2014/main" id="{CB5B61CD-49A0-40DF-B10D-976F99F3C947}"/>
              </a:ext>
            </a:extLst>
          </p:cNvPr>
          <p:cNvSpPr/>
          <p:nvPr/>
        </p:nvSpPr>
        <p:spPr>
          <a:xfrm>
            <a:off x="8952056" y="1698535"/>
            <a:ext cx="268574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pic>
        <p:nvPicPr>
          <p:cNvPr id="16" name="Billede 16">
            <a:extLst>
              <a:ext uri="{FF2B5EF4-FFF2-40B4-BE49-F238E27FC236}">
                <a16:creationId xmlns:a16="http://schemas.microsoft.com/office/drawing/2014/main" id="{28D1D7B1-CC0C-4022-B9D2-F0E6586B8F3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539749" y="2104416"/>
            <a:ext cx="8231506" cy="3683582"/>
          </a:xfrm>
        </p:spPr>
      </p:pic>
    </p:spTree>
    <p:extLst>
      <p:ext uri="{BB962C8B-B14F-4D97-AF65-F5344CB8AC3E}">
        <p14:creationId xmlns:p14="http://schemas.microsoft.com/office/powerpoint/2010/main" val="215004690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 udfordringer giver medlemmerne udtryk for?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2" name="Billede 12">
            <a:extLst>
              <a:ext uri="{FF2B5EF4-FFF2-40B4-BE49-F238E27FC236}">
                <a16:creationId xmlns:a16="http://schemas.microsoft.com/office/drawing/2014/main" id="{EDD6037E-D1AB-4551-BBC5-F106B03C74B1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1630896" y="2349500"/>
            <a:ext cx="5066232" cy="3635375"/>
          </a:xfrm>
        </p:spPr>
      </p:pic>
      <p:sp>
        <p:nvSpPr>
          <p:cNvPr id="6" name="TextBox 10">
            <a:extLst>
              <a:ext uri="{FF2B5EF4-FFF2-40B4-BE49-F238E27FC236}">
                <a16:creationId xmlns:a16="http://schemas.microsoft.com/office/drawing/2014/main" id="{D5B9B064-7CC4-4D20-BC9A-DDD535206EBA}"/>
              </a:ext>
            </a:extLst>
          </p:cNvPr>
          <p:cNvSpPr txBox="1"/>
          <p:nvPr/>
        </p:nvSpPr>
        <p:spPr>
          <a:xfrm>
            <a:off x="8318867" y="1914263"/>
            <a:ext cx="3212153" cy="337015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1900" dirty="0">
                <a:ea typeface="+mn-lt"/>
                <a:cs typeface="+mn-lt"/>
              </a:rPr>
              <a:t>Automatisk tekstanalyse af medlemmernes svar.</a:t>
            </a:r>
          </a:p>
          <a:p>
            <a:pPr>
              <a:spcAft>
                <a:spcPts val="1800"/>
              </a:spcAft>
              <a:defRPr/>
            </a:pPr>
            <a:r>
              <a:rPr lang="da-DK" sz="1900" dirty="0">
                <a:ea typeface="+mn-lt"/>
                <a:cs typeface="+mn-lt"/>
              </a:rPr>
              <a:t>Brug af  frekvensanalyse  finder følgende: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600" dirty="0"/>
              <a:t>Corona og mangel på arbejdskraft fylder mest</a:t>
            </a:r>
          </a:p>
          <a:p>
            <a:pPr marL="342900" indent="-342900">
              <a:spcAft>
                <a:spcPts val="1800"/>
              </a:spcAft>
              <a:buFont typeface="Arial"/>
              <a:buChar char="•"/>
              <a:defRPr/>
            </a:pPr>
            <a:r>
              <a:rPr lang="da-DK" sz="1600" dirty="0"/>
              <a:t>Stor andel uden problemer eller overvejende positiv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</p:txBody>
      </p:sp>
      <p:sp>
        <p:nvSpPr>
          <p:cNvPr id="7" name="Rectangle 23">
            <a:extLst>
              <a:ext uri="{FF2B5EF4-FFF2-40B4-BE49-F238E27FC236}">
                <a16:creationId xmlns:a16="http://schemas.microsoft.com/office/drawing/2014/main" id="{1009C252-2CA2-4307-BE6C-7B7A9C80C185}"/>
              </a:ext>
            </a:extLst>
          </p:cNvPr>
          <p:cNvSpPr/>
          <p:nvPr/>
        </p:nvSpPr>
        <p:spPr>
          <a:xfrm>
            <a:off x="8220536" y="17137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9300339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B3C987-8E18-45B1-8313-28874E888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kan DI gøre det endnu bedre medlemsvirksomhederne?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57B79D0-9027-4A86-A03C-27A26817C4D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TextBox 10">
            <a:extLst>
              <a:ext uri="{FF2B5EF4-FFF2-40B4-BE49-F238E27FC236}">
                <a16:creationId xmlns:a16="http://schemas.microsoft.com/office/drawing/2014/main" id="{D5B9B064-7CC4-4D20-BC9A-DDD535206EBA}"/>
              </a:ext>
            </a:extLst>
          </p:cNvPr>
          <p:cNvSpPr txBox="1"/>
          <p:nvPr/>
        </p:nvSpPr>
        <p:spPr>
          <a:xfrm>
            <a:off x="8318867" y="1914263"/>
            <a:ext cx="3212153" cy="4508927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spcAft>
                <a:spcPts val="1800"/>
              </a:spcAft>
              <a:defRPr/>
            </a:pPr>
            <a:r>
              <a:rPr lang="da-DK" sz="2000" u="sng" dirty="0">
                <a:ea typeface="+mn-lt"/>
                <a:cs typeface="+mn-lt"/>
              </a:rPr>
              <a:t>Overvældende positiv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>
                <a:ea typeface="+mn-lt"/>
                <a:cs typeface="+mn-lt"/>
              </a:rPr>
              <a:t>Fokus</a:t>
            </a:r>
            <a:r>
              <a:rPr lang="da-DK" sz="2000" dirty="0"/>
              <a:t> på svar med en </a:t>
            </a:r>
            <a:r>
              <a:rPr lang="da-DK" sz="2000" dirty="0" err="1"/>
              <a:t>sentimentscore</a:t>
            </a:r>
            <a:r>
              <a:rPr lang="da-DK" sz="2000" dirty="0"/>
              <a:t> under medianen (score &lt; 2.0).</a:t>
            </a:r>
            <a:endParaRPr lang="da-DK" dirty="0"/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Giver os muligheden for at sætte fokus på de udfordringer der, italesættes tydeligt.</a:t>
            </a:r>
          </a:p>
          <a:p>
            <a:pPr>
              <a:spcAft>
                <a:spcPts val="1800"/>
              </a:spcAft>
              <a:defRPr/>
            </a:pPr>
            <a:r>
              <a:rPr lang="da-DK" sz="2000" dirty="0"/>
              <a:t>Dog mindre </a:t>
            </a:r>
            <a:r>
              <a:rPr lang="da-DK" sz="2000" dirty="0" err="1"/>
              <a:t>generaliserbar</a:t>
            </a:r>
            <a:r>
              <a:rPr lang="da-DK" sz="2000" dirty="0"/>
              <a:t>.</a:t>
            </a:r>
          </a:p>
          <a:p>
            <a:pPr>
              <a:spcAft>
                <a:spcPts val="1800"/>
              </a:spcAft>
              <a:defRPr/>
            </a:pPr>
            <a:endParaRPr lang="da-DK" sz="1900" dirty="0"/>
          </a:p>
          <a:p>
            <a:pPr marL="800100" lvl="1" indent="-342900">
              <a:spcAft>
                <a:spcPts val="1800"/>
              </a:spcAft>
              <a:buFont typeface="Arial"/>
              <a:buChar char="•"/>
              <a:defRPr/>
            </a:pPr>
            <a:endParaRPr lang="da-DK" sz="1900" dirty="0"/>
          </a:p>
        </p:txBody>
      </p:sp>
      <p:sp>
        <p:nvSpPr>
          <p:cNvPr id="7" name="Rectangle 23">
            <a:extLst>
              <a:ext uri="{FF2B5EF4-FFF2-40B4-BE49-F238E27FC236}">
                <a16:creationId xmlns:a16="http://schemas.microsoft.com/office/drawing/2014/main" id="{1009C252-2CA2-4307-BE6C-7B7A9C80C185}"/>
              </a:ext>
            </a:extLst>
          </p:cNvPr>
          <p:cNvSpPr/>
          <p:nvPr/>
        </p:nvSpPr>
        <p:spPr>
          <a:xfrm>
            <a:off x="8220536" y="1713775"/>
            <a:ext cx="3402021" cy="432000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DA5BDC4B-2454-458C-BEDD-622CE39336DC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1524718" y="1946089"/>
            <a:ext cx="5312206" cy="4470212"/>
          </a:xfrm>
        </p:spPr>
      </p:pic>
    </p:spTree>
    <p:extLst>
      <p:ext uri="{BB962C8B-B14F-4D97-AF65-F5344CB8AC3E}">
        <p14:creationId xmlns:p14="http://schemas.microsoft.com/office/powerpoint/2010/main" val="285150679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B10426-84D7-49FA-AF18-A55A391C3B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ilken kodningsmetode bidrager mest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184366D-61A3-4221-9E73-232338CDE558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>
                <a:ea typeface="+mn-lt"/>
                <a:cs typeface="+mn-lt"/>
              </a:rPr>
              <a:t>Manuel Kodning:</a:t>
            </a:r>
          </a:p>
          <a:p>
            <a:pPr marL="342900" indent="-342900"/>
            <a:r>
              <a:rPr lang="da-DK" dirty="0">
                <a:ea typeface="+mn-lt"/>
                <a:cs typeface="+mn-lt"/>
              </a:rPr>
              <a:t>Flere nuancer og bedre data ved manuel notering, da kan tages højde for fx tonefald</a:t>
            </a:r>
          </a:p>
          <a:p>
            <a:pPr marL="342900" indent="-342900"/>
            <a:r>
              <a:rPr lang="da-DK" dirty="0"/>
              <a:t>Mindre usikkerhed ved identificering af udfordringer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Automatiseret kodning</a:t>
            </a:r>
          </a:p>
          <a:p>
            <a:pPr marL="342900" indent="-342900"/>
            <a:r>
              <a:rPr lang="da-DK" dirty="0" err="1"/>
              <a:t>Sentimentanalyse</a:t>
            </a:r>
            <a:r>
              <a:rPr lang="da-DK" dirty="0"/>
              <a:t> er mere effektivitet  tidsmæssigt </a:t>
            </a:r>
          </a:p>
          <a:p>
            <a:pPr marL="594995" lvl="1" indent="-342900"/>
            <a:r>
              <a:rPr lang="da-DK" dirty="0"/>
              <a:t>Samme resultat som den manuelle farvekodning</a:t>
            </a:r>
          </a:p>
          <a:p>
            <a:pPr marL="342900" indent="-342900"/>
            <a:r>
              <a:rPr lang="da-DK" dirty="0"/>
              <a:t>Frekvensanalyse er mere usikker og overser udfordringer</a:t>
            </a:r>
          </a:p>
          <a:p>
            <a:pPr marL="0" indent="0">
              <a:buNone/>
            </a:pPr>
            <a:endParaRPr lang="da-DK" dirty="0"/>
          </a:p>
          <a:p>
            <a:pPr marL="342900" indent="-342900"/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5D770AD-9BF5-4E85-BF91-BB9E5DFCF06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5" name="Billede 15">
            <a:extLst>
              <a:ext uri="{FF2B5EF4-FFF2-40B4-BE49-F238E27FC236}">
                <a16:creationId xmlns:a16="http://schemas.microsoft.com/office/drawing/2014/main" id="{54157601-D244-4CA3-A46F-143489A9859D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l="28" r="28"/>
          <a:stretch/>
        </p:blipFill>
        <p:spPr>
          <a:xfrm>
            <a:off x="8221874" y="2350079"/>
            <a:ext cx="3420000" cy="1924842"/>
          </a:xfrm>
        </p:spPr>
      </p:pic>
    </p:spTree>
    <p:extLst>
      <p:ext uri="{BB962C8B-B14F-4D97-AF65-F5344CB8AC3E}">
        <p14:creationId xmlns:p14="http://schemas.microsoft.com/office/powerpoint/2010/main" val="179966655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45394"/>
            <a:ext cx="9178653" cy="5943844"/>
            <a:chOff x="879948" y="595116"/>
            <a:chExt cx="4834388" cy="7798219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822132"/>
              <a:ext cx="4244508" cy="7571203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spAutoFit/>
            </a:bodyPr>
            <a:lstStyle/>
            <a:p>
              <a:pPr>
                <a:spcBef>
                  <a:spcPts val="600"/>
                </a:spcBef>
                <a:defRPr/>
              </a:pPr>
              <a:r>
                <a:rPr lang="da-DK" sz="2000" dirty="0">
                  <a:ea typeface="+mn-lt"/>
                  <a:cs typeface="+mn-lt"/>
                </a:rPr>
                <a:t>Fremtidig dataanalyse:</a:t>
              </a:r>
            </a:p>
            <a:p>
              <a:pPr marL="800100" lvl="1" indent="-342900">
                <a:spcBef>
                  <a:spcPts val="600"/>
                </a:spcBef>
                <a:buFont typeface="Arial,Sans-Serif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Automatiseret kodning har en klar værdi og kan erstatte farvekodning</a:t>
              </a:r>
            </a:p>
            <a:p>
              <a:pPr marL="800100" lvl="1" indent="-342900">
                <a:spcBef>
                  <a:spcPts val="600"/>
                </a:spcBef>
                <a:buFont typeface="Arial,Sans-Serif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Automatiseret frekvensanalyse usikker viden – benyt stadigvæk manuel kodning via ja/nej spørgsmål</a:t>
              </a:r>
              <a:endParaRPr lang="da-DK" dirty="0"/>
            </a:p>
            <a:p>
              <a:pPr lvl="1">
                <a:spcBef>
                  <a:spcPts val="600"/>
                </a:spcBef>
                <a:defRPr/>
              </a:pPr>
              <a:endParaRPr lang="da-DK" sz="2000" dirty="0">
                <a:ea typeface="+mn-lt"/>
                <a:cs typeface="+mn-lt"/>
              </a:endParaRPr>
            </a:p>
            <a:p>
              <a:pPr>
                <a:spcBef>
                  <a:spcPts val="600"/>
                </a:spcBef>
                <a:defRPr/>
              </a:pPr>
              <a:r>
                <a:rPr lang="da-DK" sz="2000" dirty="0">
                  <a:ea typeface="+mn-lt"/>
                  <a:cs typeface="+mn-lt"/>
                </a:rPr>
                <a:t>Medlemmernes dag 2022:</a:t>
              </a:r>
              <a:endParaRPr lang="da-DK" dirty="0">
                <a:ea typeface="+mn-lt"/>
                <a:cs typeface="+mn-lt"/>
              </a:endParaRPr>
            </a:p>
            <a:p>
              <a:pPr marL="800100" lvl="1" indent="-342900">
                <a:spcBef>
                  <a:spcPts val="600"/>
                </a:spcBef>
                <a:buFont typeface="Arial"/>
                <a:buChar char="•"/>
                <a:defRPr/>
              </a:pPr>
              <a:r>
                <a:rPr lang="da-DK" sz="2000" dirty="0">
                  <a:ea typeface="+mn-lt"/>
                  <a:cs typeface="+mn-lt"/>
                </a:rPr>
                <a:t>Telefonopkald på Medlemmernes Dag virker stadigvæk oplagte</a:t>
              </a:r>
              <a:endParaRPr lang="da-DK" dirty="0"/>
            </a:p>
            <a:p>
              <a:pPr marL="800100" lvl="1" indent="-342900">
                <a:spcBef>
                  <a:spcPts val="600"/>
                </a:spcBef>
                <a:buFont typeface="Arial"/>
                <a:buChar char="•"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COVID-19 og manglende arbejdskraft bør være centrale emner</a:t>
              </a:r>
            </a:p>
            <a:p>
              <a:pPr marL="342900" indent="-342900">
                <a:spcBef>
                  <a:spcPts val="600"/>
                </a:spcBef>
                <a:buFont typeface="Arial"/>
                <a:buChar char="•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342900" indent="-342900">
                <a:spcBef>
                  <a:spcPts val="600"/>
                </a:spcBef>
                <a:buFont typeface="Arial"/>
                <a:buChar char="•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>
                <a:spcBef>
                  <a:spcPts val="600"/>
                </a:spcBef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  <a:p>
              <a:pPr marL="457200" indent="-457200">
                <a:spcAft>
                  <a:spcPts val="1800"/>
                </a:spcAft>
                <a:buFontTx/>
                <a:buAutoNum type="arabicPeriod" startAt="2"/>
                <a:defRPr/>
              </a:pP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Anbefalinger pba. analys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7245581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 </a:t>
            </a:r>
            <a:r>
              <a:rPr lang="da-DK" sz="2200" b="1" dirty="0"/>
              <a:t>Medlemmernes dag: indretning og fokus</a:t>
            </a:r>
            <a:endParaRPr lang="da-DK" b="1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02294711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DE6E74-DFFF-4A97-8B6E-FEDFED9005C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sz="4600" b="1">
                <a:latin typeface="DI Sans Office Black"/>
              </a:rPr>
              <a:t>Medlemmernes dag 2022: indretning og fokus</a:t>
            </a:r>
            <a:endParaRPr lang="da-DK" sz="4600">
              <a:latin typeface="DI Sans Office Black"/>
            </a:endParaRPr>
          </a:p>
        </p:txBody>
      </p:sp>
    </p:spTree>
    <p:extLst>
      <p:ext uri="{BB962C8B-B14F-4D97-AF65-F5344CB8AC3E}">
        <p14:creationId xmlns:p14="http://schemas.microsoft.com/office/powerpoint/2010/main" val="366576655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52434C-AE63-4C78-B218-0D97373258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Fokus på Medlemmernes Da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1204C70-7AEE-4DEC-BFD1-7BEF27352BC3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Formål:</a:t>
            </a:r>
          </a:p>
          <a:p>
            <a:pPr marL="594995" lvl="1" indent="-251460"/>
            <a:r>
              <a:rPr lang="da-DK" dirty="0">
                <a:ea typeface="+mn-lt"/>
                <a:cs typeface="+mn-lt"/>
              </a:rPr>
              <a:t>Indsamle mere data om medlemsvirksomhederne specielt omkring manglende arbejdskraft og COVID-19</a:t>
            </a:r>
            <a:endParaRPr lang="da-DK" dirty="0"/>
          </a:p>
          <a:p>
            <a:pPr marL="0" indent="0">
              <a:buNone/>
            </a:pPr>
            <a:r>
              <a:rPr lang="da-DK" dirty="0">
                <a:ea typeface="+mn-lt"/>
                <a:cs typeface="+mn-lt"/>
              </a:rPr>
              <a:t>Prioritering:</a:t>
            </a:r>
            <a:endParaRPr lang="da-DK" dirty="0"/>
          </a:p>
          <a:p>
            <a:pPr marL="755650" lvl="2" indent="-251460"/>
            <a:r>
              <a:rPr lang="da-DK" dirty="0"/>
              <a:t>Små virksomheder pga. ringe datagrundlag</a:t>
            </a:r>
          </a:p>
          <a:p>
            <a:pPr marL="755650" lvl="2" indent="-251460"/>
            <a:r>
              <a:rPr lang="da-DK" dirty="0"/>
              <a:t>På store virksomheder i DI Dansk Byggeri pga. brug og datagrundlag </a:t>
            </a:r>
            <a:r>
              <a:rPr lang="da-DK" dirty="0">
                <a:ea typeface="+mn-lt"/>
                <a:cs typeface="+mn-lt"/>
              </a:rPr>
              <a:t>→</a:t>
            </a:r>
            <a:r>
              <a:rPr lang="da-DK" dirty="0"/>
              <a:t> frygt for udmeldelse/skift til konkurrenter</a:t>
            </a:r>
          </a:p>
          <a:p>
            <a:pPr marL="503555" lvl="1" indent="-251460"/>
            <a:endParaRPr lang="da-DK" dirty="0"/>
          </a:p>
        </p:txBody>
      </p:sp>
      <p:pic>
        <p:nvPicPr>
          <p:cNvPr id="6" name="Billede 6" descr="Et billede, der indeholder tekst, himmel, udendørs, vej&#10;&#10;Beskrivelsen er genereret automatisk">
            <a:extLst>
              <a:ext uri="{FF2B5EF4-FFF2-40B4-BE49-F238E27FC236}">
                <a16:creationId xmlns:a16="http://schemas.microsoft.com/office/drawing/2014/main" id="{6B1B23DE-8EC7-4535-B35E-2EC3ACB27AB8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65" b="7765"/>
          <a:stretch/>
        </p:blipFill>
        <p:spPr>
          <a:xfrm>
            <a:off x="8487374" y="2349500"/>
            <a:ext cx="2889000" cy="1926000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BCD7CBC-2F31-4A51-BF94-8FD955DA721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2170218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DBEFF8-F120-4759-8BC7-8BAFFC44A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cutive</a:t>
            </a:r>
            <a:r>
              <a:rPr lang="da-DK" dirty="0"/>
              <a:t> summary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EE5D33-CF82-4237-9690-681F7DCBAB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Vores anbefalin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benytte både telefonopkald og virksomhedsbesøg på Medlemmernes Dag 2022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irksomhedsbesøg bør målrettes DI Dansk Byggeri med fokus på de ydelser DI udbyder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Telefonopkald bør dertil vægtes mod de små virksomheder (5-20 ansatte) pga. manglende data om disse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Brug af branchefællesskaber: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også bruge branchefællesskaberne til  at indsamle data om medlemsvirksomhederne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e medlemmer der endnu ikke er en del af et branchefællesskab bør opfordres til det på Medlemmernes Dag 2022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Fordele ved et større datagrundla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Med et større datagrundlag kan DI lettere komme tættere på medlemsvirksomhederne og deres udfordringer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ores dataanalyse viser, at manglende arbejdskraft og COVID-19 er, hvad flest medlemsvirksomheder i 2021 har udfordringer med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C4FF1734-79A7-4B9A-AB6B-FB022A424EE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3274228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6B22DFD-7CA1-47AC-9F9F-4437ED987F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slag til indretning af </a:t>
            </a:r>
            <a:br>
              <a:rPr lang="da-DK" dirty="0"/>
            </a:br>
            <a:r>
              <a:rPr lang="da-DK" dirty="0"/>
              <a:t>Medlemmernes Dag 2022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9A64EAE-A6BB-44FB-8242-2326EB022AC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250 medarbejdere, halv arbejdsdag:</a:t>
            </a:r>
          </a:p>
          <a:p>
            <a:pPr marL="503555" lvl="1" indent="-251460"/>
            <a:r>
              <a:rPr lang="da-DK" dirty="0"/>
              <a:t>Opkald skaber værdifuld data, det skal fortsættes</a:t>
            </a:r>
          </a:p>
          <a:p>
            <a:pPr marL="503555" lvl="1" indent="-251460"/>
            <a:r>
              <a:rPr lang="da-DK" dirty="0"/>
              <a:t>Vægtet mod små virksomheder og store/mellemstore virksomheder i Dansk Byggeri</a:t>
            </a:r>
          </a:p>
          <a:p>
            <a:pPr marL="0" indent="0">
              <a:buNone/>
            </a:pPr>
            <a:r>
              <a:rPr lang="da-DK" dirty="0"/>
              <a:t>125 medarbejdere, fuld arbejdsdag:</a:t>
            </a:r>
          </a:p>
          <a:p>
            <a:pPr marL="503555" lvl="1" indent="-251460"/>
            <a:r>
              <a:rPr lang="da-DK" dirty="0"/>
              <a:t>Virksomhedsbesøg blandt mellemstore og store virksomheder i DI Dansk Byggeri</a:t>
            </a:r>
          </a:p>
          <a:p>
            <a:pPr marL="503555" lvl="1" indent="-251460"/>
            <a:r>
              <a:rPr lang="da-DK" dirty="0"/>
              <a:t>Disse er  endnu ikke integreret fuldt i DI, derfor skal halvdelen af kapaciteten målrettes virksomhedsbesøg i dette segment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2776906-CF76-4673-AD9D-10AB4F76E07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Billede 9">
            <a:extLst>
              <a:ext uri="{FF2B5EF4-FFF2-40B4-BE49-F238E27FC236}">
                <a16:creationId xmlns:a16="http://schemas.microsoft.com/office/drawing/2014/main" id="{E14D1CFC-3A29-45AB-A9B8-73A77780024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7731" b="7731"/>
          <a:stretch/>
        </p:blipFill>
        <p:spPr>
          <a:xfrm>
            <a:off x="8486219" y="2652058"/>
            <a:ext cx="2891309" cy="1623442"/>
          </a:xfrm>
        </p:spPr>
      </p:pic>
    </p:spTree>
    <p:extLst>
      <p:ext uri="{BB962C8B-B14F-4D97-AF65-F5344CB8AC3E}">
        <p14:creationId xmlns:p14="http://schemas.microsoft.com/office/powerpoint/2010/main" val="154103932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3D9DA1-DF1A-4AAE-B636-A1406CC8F4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ranchefælleskaber og små virksomhed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CFE2E69-AEBB-4616-AC63-DB03E548A42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82599" y="1568450"/>
            <a:ext cx="7248526" cy="3635375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På trods af mulighed for større indflydelse og bedre service er små virksomheder relativt inaktive ift. spørgeskemaer og ydelser.</a:t>
            </a:r>
            <a:r>
              <a:rPr lang="da-DK" dirty="0">
                <a:ea typeface="+mn-lt"/>
                <a:cs typeface="+mn-lt"/>
              </a:rPr>
              <a:t> Mulig forklaring:</a:t>
            </a:r>
            <a:endParaRPr lang="en-US" dirty="0">
              <a:ea typeface="+mn-lt"/>
              <a:cs typeface="+mn-lt"/>
            </a:endParaRPr>
          </a:p>
          <a:p>
            <a:pPr marL="594995" lvl="1" indent="-342900">
              <a:buFont typeface="DI Sans Office"/>
              <a:buChar char="•"/>
            </a:pPr>
            <a:r>
              <a:rPr lang="da-DK" dirty="0">
                <a:ea typeface="+mn-lt"/>
                <a:cs typeface="+mn-lt"/>
              </a:rPr>
              <a:t>Arbejdsdag på farten samt manglende rutine + rammer → </a:t>
            </a:r>
            <a:r>
              <a:rPr lang="da-DK" dirty="0" err="1">
                <a:ea typeface="+mn-lt"/>
                <a:cs typeface="+mn-lt"/>
              </a:rPr>
              <a:t>satisficering</a:t>
            </a:r>
            <a:r>
              <a:rPr lang="da-DK" dirty="0">
                <a:ea typeface="+mn-lt"/>
                <a:cs typeface="+mn-lt"/>
              </a:rPr>
              <a:t> af DI-deltagelse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Forslået løsning:</a:t>
            </a:r>
          </a:p>
          <a:p>
            <a:pPr marL="594995" lvl="1" indent="-342900"/>
            <a:r>
              <a:rPr lang="da-DK" dirty="0">
                <a:ea typeface="+mn-lt"/>
                <a:cs typeface="+mn-lt"/>
              </a:rPr>
              <a:t>Formaliser </a:t>
            </a:r>
            <a:r>
              <a:rPr lang="da-DK" dirty="0"/>
              <a:t>dataindsamling (</a:t>
            </a:r>
            <a:r>
              <a:rPr lang="da-DK" dirty="0">
                <a:ea typeface="+mn-lt"/>
                <a:cs typeface="+mn-lt"/>
              </a:rPr>
              <a:t>performance programmering)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Anbefaling: </a:t>
            </a:r>
            <a:r>
              <a:rPr lang="da-DK" u="sng" dirty="0"/>
              <a:t>Benyt branchefællesskaber som ramme til indsamling af data + promover branchefællesskaber på medlemmernes dag</a:t>
            </a:r>
          </a:p>
          <a:p>
            <a:pPr marL="594995" lvl="1" indent="-342900"/>
            <a:endParaRPr lang="da-DK" dirty="0"/>
          </a:p>
          <a:p>
            <a:pPr marL="594995" lvl="1" indent="-342900"/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0045D5B-4147-45D5-880A-01C881992CF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0662CE15-A666-4C42-989D-FC3A78DA98EA}"/>
              </a:ext>
            </a:extLst>
          </p:cNvPr>
          <p:cNvSpPr txBox="1"/>
          <p:nvPr/>
        </p:nvSpPr>
        <p:spPr>
          <a:xfrm>
            <a:off x="7943850" y="2406521"/>
            <a:ext cx="4371975" cy="193899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i="1" dirty="0">
                <a:solidFill>
                  <a:srgbClr val="202124"/>
                </a:solidFill>
                <a:latin typeface="arial"/>
                <a:cs typeface="arial"/>
              </a:rPr>
              <a:t>"Most human decision-making, whether individual or organizational, is concerned with </a:t>
            </a:r>
            <a:r>
              <a:rPr lang="en-US" b="1" i="1" dirty="0">
                <a:solidFill>
                  <a:srgbClr val="202124"/>
                </a:solidFill>
                <a:latin typeface="arial"/>
                <a:cs typeface="arial"/>
              </a:rPr>
              <a:t>the discovery and selection of satisfactory alternatives</a:t>
            </a:r>
            <a:r>
              <a:rPr lang="en-US" i="1" dirty="0">
                <a:solidFill>
                  <a:srgbClr val="202124"/>
                </a:solidFill>
                <a:latin typeface="arial"/>
                <a:cs typeface="arial"/>
              </a:rPr>
              <a:t>; only in exceptional cases is it concerned with the discovery and selection of optimal decisions"</a:t>
            </a:r>
            <a:r>
              <a:rPr lang="en-US" dirty="0">
                <a:solidFill>
                  <a:srgbClr val="202124"/>
                </a:solidFill>
                <a:latin typeface="arial"/>
                <a:cs typeface="arial"/>
              </a:rPr>
              <a:t> (March &amp; Simon, 1958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4443891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17671794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23D162-7870-43D5-89F1-64594B57106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>
                <a:latin typeface="DI Sans Office Black"/>
              </a:rPr>
              <a:t>Opsummerin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73332014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DBEFF8-F120-4759-8BC7-8BAFFC44A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cutive</a:t>
            </a:r>
            <a:r>
              <a:rPr lang="da-DK" dirty="0"/>
              <a:t> summary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EE5D33-CF82-4237-9690-681F7DCBAB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Vores anbefalin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benytte både telefonopkald og virksomhedsbesøg på Medlemmernes Dag 2022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irksomhedsbesøg bør målrettes DI Dansk Byggeri med fokus på de ydelser DI udbyder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Telefonopkald bør dertil vægtes mod de små virksomheder (5-20 ansatte) pga. manglende data om disse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Brug af branchefællesskaber: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I bør også bruge branchefællesskaberne til  at indsamle data om medlemsvirksomhederne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De medlemmer der endnu ikke er en del af et branchefællesskab bør opfordres til det på Medlemmernes Dag 2022</a:t>
            </a:r>
          </a:p>
          <a:p>
            <a:pPr marL="0" indent="0">
              <a:buNone/>
            </a:pPr>
            <a:r>
              <a:rPr lang="da-DK" b="1" dirty="0">
                <a:ea typeface="+mn-lt"/>
                <a:cs typeface="+mn-lt"/>
              </a:rPr>
              <a:t>Fordele ved et større datagrundlag:</a:t>
            </a:r>
            <a:endParaRPr lang="da-DK" dirty="0">
              <a:ea typeface="+mn-lt"/>
              <a:cs typeface="+mn-lt"/>
            </a:endParaRP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Med et større datagrundlag kan DI lettere komme tættere på medlemsvirksomhederne og deres udfordringer</a:t>
            </a:r>
          </a:p>
          <a:p>
            <a:pPr marL="503555" lvl="1" indent="-251460"/>
            <a:r>
              <a:rPr lang="da-DK" sz="1800" dirty="0">
                <a:ea typeface="+mn-lt"/>
                <a:cs typeface="+mn-lt"/>
              </a:rPr>
              <a:t>Vores dataanalyse viser, at manglende arbejdskraft og COVID-19 er, hvad flest medlemsvirksomheder i 2021 har udfordringer med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C4FF1734-79A7-4B9A-AB6B-FB022A424EE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016808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lose up of a person&#10;&#10;Description generated with high confidence">
            <a:extLst>
              <a:ext uri="{FF2B5EF4-FFF2-40B4-BE49-F238E27FC236}">
                <a16:creationId xmlns:a16="http://schemas.microsoft.com/office/drawing/2014/main" id="{5B8C34AC-5AE9-4557-882D-13BB8BB4FC2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Title 10">
            <a:extLst>
              <a:ext uri="{FF2B5EF4-FFF2-40B4-BE49-F238E27FC236}">
                <a16:creationId xmlns:a16="http://schemas.microsoft.com/office/drawing/2014/main" id="{EF75B46E-2C68-4C5D-8E11-F0F0B2E90B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>
                <a:latin typeface="DI Sans Office Black"/>
              </a:rPr>
              <a:t>Bilag</a:t>
            </a:r>
            <a:endParaRPr lang="da-DK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25BB3C5-48EB-472D-9C7A-70C09AD465C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>
              <a:buNone/>
            </a:pPr>
            <a:endParaRPr lang="da-DK" sz="2800" dirty="0"/>
          </a:p>
        </p:txBody>
      </p:sp>
      <p:sp>
        <p:nvSpPr>
          <p:cNvPr id="9" name="Pagenumber 30">
            <a:extLst>
              <a:ext uri="{FF2B5EF4-FFF2-40B4-BE49-F238E27FC236}">
                <a16:creationId xmlns:a16="http://schemas.microsoft.com/office/drawing/2014/main" id="{0D7F7CA0-3612-4560-A81C-6C9F5D25B3FF}"/>
              </a:ext>
            </a:extLst>
          </p:cNvPr>
          <p:cNvSpPr txBox="1">
            <a:spLocks/>
          </p:cNvSpPr>
          <p:nvPr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>
                <a:solidFill>
                  <a:srgbClr val="D0D0D0"/>
                </a:solidFill>
              </a:rPr>
              <a:pPr algn="l"/>
              <a:t>35</a:t>
            </a:fld>
            <a:endParaRPr lang="en-US">
              <a:solidFill>
                <a:srgbClr val="D0D0D0"/>
              </a:solidFill>
            </a:endParaRP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3A793481-AF0E-4E6D-8617-447968C443F8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98677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42" presetClass="entr" presetSubtype="0" fill="hold" grpId="0" nodeType="withEffect" nodePh="1">
                                  <p:stCondLst>
                                    <p:cond delay="250"/>
                                  </p:stCondLst>
                                  <p:endCondLst>
                                    <p:cond evt="begin" delay="0">
                                      <p:tn val="9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 uiExpand="1" build="p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536FFC5-6C8C-4F2C-9795-845AF6E144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Bilag 1: Corona-relaterede ord</a:t>
            </a:r>
          </a:p>
        </p:txBody>
      </p:sp>
      <p:pic>
        <p:nvPicPr>
          <p:cNvPr id="7" name="Billede 7">
            <a:extLst>
              <a:ext uri="{FF2B5EF4-FFF2-40B4-BE49-F238E27FC236}">
                <a16:creationId xmlns:a16="http://schemas.microsoft.com/office/drawing/2014/main" id="{951A6792-D596-4F6E-B444-AAFBD7995A3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058941" y="1522192"/>
            <a:ext cx="10070943" cy="4246783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1A15968B-F8B7-400D-80B7-0A139C47ABF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264451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14D8994-E7F9-4EA5-8FEF-3C89CB42AB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800"/>
              <a:t>Anbefaling til at komme tættere på medlemmern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5DB4507-F2B8-4610-A847-DAF955119E7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251460" indent="-251460">
              <a:buNone/>
            </a:pPr>
            <a:r>
              <a:rPr lang="da-DK" dirty="0">
                <a:ea typeface="+mn-lt"/>
                <a:cs typeface="+mn-lt"/>
              </a:rPr>
              <a:t>Givet den nyligt overstået fusion med Dansk Byggeri</a:t>
            </a:r>
            <a:endParaRPr lang="da-DK" dirty="0"/>
          </a:p>
          <a:p>
            <a:pPr marL="251460" indent="-251460">
              <a:buNone/>
            </a:pPr>
            <a:r>
              <a:rPr lang="da-DK" b="1" dirty="0">
                <a:ea typeface="+mn-lt"/>
                <a:cs typeface="+mn-lt"/>
              </a:rPr>
              <a:t>– hvordan kan vi så komme tættere på medlemmerne og deres daglige udfordringer?</a:t>
            </a:r>
            <a:endParaRPr lang="da-DK" b="1" dirty="0"/>
          </a:p>
          <a:p>
            <a:pPr marL="457200" indent="-457200">
              <a:buAutoNum type="arabicPeriod"/>
            </a:pPr>
            <a:r>
              <a:rPr lang="da-DK" dirty="0"/>
              <a:t>Ikke nok medlemmer besvarer spørgeskemaer </a:t>
            </a:r>
            <a:r>
              <a:rPr lang="da-DK" dirty="0">
                <a:ea typeface="+mn-lt"/>
                <a:cs typeface="+mn-lt"/>
              </a:rPr>
              <a:t>→</a:t>
            </a:r>
            <a:r>
              <a:rPr lang="da-DK" dirty="0"/>
              <a:t> DI mangler data på medlemmer</a:t>
            </a:r>
          </a:p>
          <a:p>
            <a:pPr marL="457200" indent="-457200">
              <a:buAutoNum type="arabicPeriod"/>
            </a:pPr>
            <a:r>
              <a:rPr lang="da-DK" dirty="0"/>
              <a:t>Segmentering </a:t>
            </a:r>
            <a:r>
              <a:rPr lang="da-DK" dirty="0">
                <a:ea typeface="+mn-lt"/>
                <a:cs typeface="+mn-lt"/>
              </a:rPr>
              <a:t>→</a:t>
            </a:r>
            <a:r>
              <a:rPr lang="da-DK" dirty="0"/>
              <a:t> 2 dimensioner: størrelse og branchefælleskab giver meningsfuld og sammenlignelig segmentering</a:t>
            </a:r>
          </a:p>
          <a:p>
            <a:pPr marL="457200" indent="-457200">
              <a:buAutoNum type="arabicPeriod"/>
            </a:pPr>
            <a:r>
              <a:rPr lang="da-DK" dirty="0"/>
              <a:t>DI skal have fokus  på DI Dansk Byggeri, da DI mangler data på disse medlemmer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4B10389E-6941-44DC-8E45-F0B1D087048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602968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3940979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421682E-1EF9-447B-98F6-980838A4DA9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>
                <a:latin typeface="DI Sans Office Black"/>
              </a:rPr>
              <a:t>Problemer og udfordring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1666058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E701B8-53FA-467A-B211-2DEC79A1B9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400">
                <a:latin typeface="DI Sans Office Black"/>
              </a:rPr>
              <a:t>et åbent og velstående samfund i vækst og balanc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18442C3-814F-44EC-9E79-0782FBB4223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r>
              <a:rPr lang="da-DK" i="1">
                <a:ea typeface="+mj-lt"/>
                <a:cs typeface="+mj-lt"/>
              </a:rPr>
              <a:t>"Disse erfaringer (fra covid-19 red.)  vil DI benytte, både når vi i det kommende år skal udbygge vores medlemsservices og netværk, og når vi udvikler vores politiske interessevaretagelse på vegne af medlemsvirksomhederne. </a:t>
            </a:r>
            <a:r>
              <a:rPr lang="da-DK" i="1" u="sng">
                <a:ea typeface="+mj-lt"/>
                <a:cs typeface="+mj-lt"/>
              </a:rPr>
              <a:t>Vores fokus vil være at komme  tættere på vores medlemsvirksomheder"</a:t>
            </a:r>
          </a:p>
          <a:p>
            <a:endParaRPr lang="da-DK" sz="1800">
              <a:ea typeface="+mj-lt"/>
              <a:cs typeface="+mj-lt"/>
            </a:endParaRPr>
          </a:p>
          <a:p>
            <a:r>
              <a:rPr lang="da-DK" sz="1800">
                <a:ea typeface="+mj-lt"/>
                <a:cs typeface="+mj-lt"/>
              </a:rPr>
              <a:t>(Årsberetning 2020)</a:t>
            </a:r>
            <a:endParaRPr lang="da-DK" sz="1800" i="1" u="sng">
              <a:ea typeface="+mj-lt"/>
              <a:cs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5865136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FE6614-58D3-4ED2-8C62-963B4CB846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Hvad  er  DI's udfordringer?</a:t>
            </a:r>
          </a:p>
        </p:txBody>
      </p:sp>
      <p:pic>
        <p:nvPicPr>
          <p:cNvPr id="6" name="Billede 6" descr="Et billede, der indeholder tekst, vektorgrafik&#10;&#10;Beskrivelsen er genereret automatisk">
            <a:extLst>
              <a:ext uri="{FF2B5EF4-FFF2-40B4-BE49-F238E27FC236}">
                <a16:creationId xmlns:a16="http://schemas.microsoft.com/office/drawing/2014/main" id="{4C2ACBAD-984C-4503-8632-B2C647151ADD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t="10136" b="10136"/>
          <a:stretch/>
        </p:blipFill>
        <p:spPr>
          <a:xfrm>
            <a:off x="8568487" y="2349500"/>
            <a:ext cx="2726774" cy="1926000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63D8946-6E91-4DE4-8AE3-DA1FD119176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FBA9E0-E64F-405C-94B7-1499CE65EB9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dirty="0"/>
              <a:t>På baggrund af udleveret bilagsmateriale, har vi identificeret  følgende udfordringer for DI:</a:t>
            </a:r>
          </a:p>
          <a:p>
            <a:pPr marL="359410" indent="-359410">
              <a:buBlip>
                <a:blip r:embed="rId3">
                  <a:extLst>
                    <a:ext uri="{96DAC541-7B7A-43D3-8B79-37D633B846F1}">
                      <asvg:svgBlip xmlns:asvg="http://schemas.microsoft.com/office/drawing/2016/SVG/main" r:embed="rId4"/>
                    </a:ext>
                  </a:extLst>
                </a:blip>
              </a:buBlip>
            </a:pPr>
            <a:r>
              <a:rPr lang="da-DK" dirty="0"/>
              <a:t>Manglende information om medlemsvirksomhederne</a:t>
            </a:r>
          </a:p>
          <a:p>
            <a:pPr marL="359410" indent="-359410">
              <a:buBlip>
                <a:blip r:embed="rId5">
                  <a:extLst>
                    <a:ext uri="{96DAC541-7B7A-43D3-8B79-37D633B846F1}">
                      <asvg:svgBlip xmlns:asvg="http://schemas.microsoft.com/office/drawing/2016/SVG/main" r:embed="rId6"/>
                    </a:ext>
                  </a:extLst>
                </a:blip>
              </a:buBlip>
            </a:pPr>
            <a:r>
              <a:rPr lang="da-DK" dirty="0"/>
              <a:t>Ønske om bedre service til medlemmerne</a:t>
            </a:r>
          </a:p>
          <a:p>
            <a:pPr marL="359410" indent="-359410">
              <a:buBlip>
                <a:blip r:embed="rId7">
                  <a:extLst>
                    <a:ext uri="{96DAC541-7B7A-43D3-8B79-37D633B846F1}">
                      <asvg:svgBlip xmlns:asvg="http://schemas.microsoft.com/office/drawing/2016/SVG/main" r:embed="rId8"/>
                    </a:ext>
                  </a:extLst>
                </a:blip>
              </a:buBlip>
            </a:pPr>
            <a:r>
              <a:rPr lang="da-DK" dirty="0"/>
              <a:t>Nylig fusion med Dansk Byggeri</a:t>
            </a:r>
          </a:p>
          <a:p>
            <a:pPr marL="359410" indent="-359410">
              <a:buBlip>
                <a:blip r:embed="rId9">
                  <a:extLst>
                    <a:ext uri="{96DAC541-7B7A-43D3-8B79-37D633B846F1}">
                      <asvg:svgBlip xmlns:asvg="http://schemas.microsoft.com/office/drawing/2016/SVG/main" r:embed="rId10"/>
                    </a:ext>
                  </a:extLst>
                </a:blip>
              </a:buBlip>
            </a:pPr>
            <a:r>
              <a:rPr lang="da-DK" dirty="0"/>
              <a:t>Optimering af Medlemmernes  Dag</a:t>
            </a:r>
          </a:p>
          <a:p>
            <a:pPr marL="359410" indent="-359410">
              <a:buBlip>
                <a:blip r:embed="rId11">
                  <a:extLst>
                    <a:ext uri="{96DAC541-7B7A-43D3-8B79-37D633B846F1}">
                      <asvg:svgBlip xmlns:asvg="http://schemas.microsoft.com/office/drawing/2016/SVG/main" r:embed="rId12"/>
                    </a:ext>
                  </a:extLst>
                </a:blip>
              </a:buBlip>
            </a:pPr>
            <a:r>
              <a:rPr lang="da-DK" dirty="0"/>
              <a:t>Hård konkurrence med Dansk Erhverv</a:t>
            </a:r>
          </a:p>
        </p:txBody>
      </p:sp>
    </p:spTree>
    <p:extLst>
      <p:ext uri="{BB962C8B-B14F-4D97-AF65-F5344CB8AC3E}">
        <p14:creationId xmlns:p14="http://schemas.microsoft.com/office/powerpoint/2010/main" val="273743785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360000" tIns="0" rIns="360000" bIns="0" rtlCol="0" anchor="t">
            <a:no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da-DK" sz="2200" dirty="0"/>
              <a:t>Anbefaling til medlemmernes dag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Problem og udfordringer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Udvælgelse af segmenter til dagen</a:t>
            </a:r>
          </a:p>
          <a:p>
            <a:pPr marL="514350" indent="-514350">
              <a:buAutoNum type="arabicPeriod"/>
            </a:pPr>
            <a:r>
              <a:rPr lang="da-DK" sz="2200" dirty="0"/>
              <a:t>Analyse af svar til Medlemmernes Dag</a:t>
            </a:r>
          </a:p>
          <a:p>
            <a:pPr marL="514350" indent="-514350">
              <a:buAutoNum type="arabicPeriod"/>
            </a:pPr>
            <a:r>
              <a:rPr lang="da-DK" sz="2200" dirty="0"/>
              <a:t>Medlemmernes dag: indretning og fokus</a:t>
            </a:r>
            <a:endParaRPr lang="da-DK" dirty="0"/>
          </a:p>
          <a:p>
            <a:pPr marL="514350" indent="-514350">
              <a:buFont typeface="+mj-lt"/>
              <a:buAutoNum type="arabicPeriod"/>
            </a:pPr>
            <a:r>
              <a:rPr lang="da-DK" sz="2200" dirty="0"/>
              <a:t>Opsummering</a:t>
            </a:r>
          </a:p>
          <a:p>
            <a:pPr marL="514350" indent="-514350">
              <a:buFont typeface="+mj-lt"/>
              <a:buAutoNum type="arabicPeriod"/>
            </a:pPr>
            <a:endParaRPr lang="da-DK" sz="2200" b="1" dirty="0"/>
          </a:p>
          <a:p>
            <a:pPr marL="514350" indent="-514350">
              <a:buFont typeface="+mj-lt"/>
              <a:buAutoNum type="arabicPeriod"/>
            </a:pP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26640677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38564296231563"/>
</p:tagLst>
</file>

<file path=ppt/theme/theme1.xml><?xml version="1.0" encoding="utf-8"?>
<a:theme xmlns:a="http://schemas.openxmlformats.org/drawingml/2006/main" name="Blank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200" noProof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200" noProof="0" dirty="0" err="1" smtClean="0">
            <a:latin typeface="+mn-lt"/>
          </a:defRPr>
        </a:defPPr>
      </a:lstStyle>
    </a:txDef>
  </a:objectDefaults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Blank.potx" id="{7584288E-EA31-44F9-943A-78D46CEBE1A7}" vid="{964116BC-7F6E-41A5-88E3-E45BB34635D0}"/>
    </a:ext>
  </a:extLst>
</a:theme>
</file>

<file path=ppt/theme/theme2.xml><?xml version="1.0" encoding="utf-8"?>
<a:theme xmlns:a="http://schemas.openxmlformats.org/drawingml/2006/main" name="Office-tema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],"transformationConfigurations":[{"colorTheme":"{{UserProfile.Office.ThemeColor}}","disableUpdates":false,"type":"colorTheme"}],"templateName":"Dansk Industri skabelon","templateDescription":"","enableDocumentContentUpdater":true,"version":"1.3"}]]></TemplafyTemplate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6808954516071939","enableDocumentContentUpdater":true,"version":"1.3"}]]></TemplafySlideTemplate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6808954515915690","enableDocumentContentUpdater":true,"version":"1.3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FormConfiguration><![CDATA[{"formFields":[{"required":true,"type":"datePicker","name":"Date","label":"Date","helpTexts":{"prefix":"","postfix":""},"spacing":{},"fullyQualifiedName":"Date"}],"formDataEntries":[]}]]></TemplafyFormConfiguration>
</file>

<file path=customXml/item14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4509420","version":"1.3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5915691","version":"1.3"}]]></TemplafySlideTemplate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808954516071938","enableDocumentContentUpdater":true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7124283980092953","enableDocumentContentUpdater":true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291500AC-E39E-4F40-A6DB-F6A71073DF96}">
  <ds:schemaRefs/>
</ds:datastoreItem>
</file>

<file path=customXml/itemProps10.xml><?xml version="1.0" encoding="utf-8"?>
<ds:datastoreItem xmlns:ds="http://schemas.openxmlformats.org/officeDocument/2006/customXml" ds:itemID="{71344B33-F68A-4FFD-86EF-51F1D3EC5F31}">
  <ds:schemaRefs/>
</ds:datastoreItem>
</file>

<file path=customXml/itemProps11.xml><?xml version="1.0" encoding="utf-8"?>
<ds:datastoreItem xmlns:ds="http://schemas.openxmlformats.org/officeDocument/2006/customXml" ds:itemID="{E9491815-D6F2-4AF8-8140-13376DFE8338}">
  <ds:schemaRefs/>
</ds:datastoreItem>
</file>

<file path=customXml/itemProps12.xml><?xml version="1.0" encoding="utf-8"?>
<ds:datastoreItem xmlns:ds="http://schemas.openxmlformats.org/officeDocument/2006/customXml" ds:itemID="{61531FEB-C1DC-4B67-B0C4-5473EDC03597}">
  <ds:schemaRefs/>
</ds:datastoreItem>
</file>

<file path=customXml/itemProps13.xml><?xml version="1.0" encoding="utf-8"?>
<ds:datastoreItem xmlns:ds="http://schemas.openxmlformats.org/officeDocument/2006/customXml" ds:itemID="{1EF4E55D-2482-4D1C-9EAE-C845FBA1F98A}">
  <ds:schemaRefs/>
</ds:datastoreItem>
</file>

<file path=customXml/itemProps14.xml><?xml version="1.0" encoding="utf-8"?>
<ds:datastoreItem xmlns:ds="http://schemas.openxmlformats.org/officeDocument/2006/customXml" ds:itemID="{C550A66E-BED0-4B8E-8B04-B56053D44FE4}">
  <ds:schemaRefs/>
</ds:datastoreItem>
</file>

<file path=customXml/itemProps2.xml><?xml version="1.0" encoding="utf-8"?>
<ds:datastoreItem xmlns:ds="http://schemas.openxmlformats.org/officeDocument/2006/customXml" ds:itemID="{46D4138A-B0F6-48FA-8CCF-126A21808185}">
  <ds:schemaRefs/>
</ds:datastoreItem>
</file>

<file path=customXml/itemProps3.xml><?xml version="1.0" encoding="utf-8"?>
<ds:datastoreItem xmlns:ds="http://schemas.openxmlformats.org/officeDocument/2006/customXml" ds:itemID="{E2270BB7-6951-4145-A709-84BC48A06248}">
  <ds:schemaRefs/>
</ds:datastoreItem>
</file>

<file path=customXml/itemProps4.xml><?xml version="1.0" encoding="utf-8"?>
<ds:datastoreItem xmlns:ds="http://schemas.openxmlformats.org/officeDocument/2006/customXml" ds:itemID="{97C87EAA-1A5F-47EE-AA46-70F58559CA3B}">
  <ds:schemaRefs/>
</ds:datastoreItem>
</file>

<file path=customXml/itemProps5.xml><?xml version="1.0" encoding="utf-8"?>
<ds:datastoreItem xmlns:ds="http://schemas.openxmlformats.org/officeDocument/2006/customXml" ds:itemID="{3A10A9C3-7F93-4662-AB01-59E7717416FE}">
  <ds:schemaRefs/>
</ds:datastoreItem>
</file>

<file path=customXml/itemProps6.xml><?xml version="1.0" encoding="utf-8"?>
<ds:datastoreItem xmlns:ds="http://schemas.openxmlformats.org/officeDocument/2006/customXml" ds:itemID="{99EB29D2-C8CA-418D-B43C-BAA03E512281}">
  <ds:schemaRefs/>
</ds:datastoreItem>
</file>

<file path=customXml/itemProps7.xml><?xml version="1.0" encoding="utf-8"?>
<ds:datastoreItem xmlns:ds="http://schemas.openxmlformats.org/officeDocument/2006/customXml" ds:itemID="{41BA1C18-A36F-4729-B9C1-414681A9432C}">
  <ds:schemaRefs/>
</ds:datastoreItem>
</file>

<file path=customXml/itemProps8.xml><?xml version="1.0" encoding="utf-8"?>
<ds:datastoreItem xmlns:ds="http://schemas.openxmlformats.org/officeDocument/2006/customXml" ds:itemID="{2FB1F1CB-F3D1-4EFE-94D0-9D7151F8FAD5}">
  <ds:schemaRefs/>
</ds:datastoreItem>
</file>

<file path=customXml/itemProps9.xml><?xml version="1.0" encoding="utf-8"?>
<ds:datastoreItem xmlns:ds="http://schemas.openxmlformats.org/officeDocument/2006/customXml" ds:itemID="{CDBD0379-C95C-4019-A746-F381126469F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1431</Words>
  <Application>Microsoft Office PowerPoint</Application>
  <PresentationFormat>Widescreen</PresentationFormat>
  <Paragraphs>226</Paragraphs>
  <Slides>36</Slides>
  <Notes>1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6</vt:i4>
      </vt:variant>
    </vt:vector>
  </HeadingPairs>
  <TitlesOfParts>
    <vt:vector size="44" baseType="lpstr">
      <vt:lpstr>31</vt:lpstr>
      <vt:lpstr>Arial,Sans-Serif</vt:lpstr>
      <vt:lpstr>arial</vt:lpstr>
      <vt:lpstr>DI Sans Office Black</vt:lpstr>
      <vt:lpstr>DI Serif Office</vt:lpstr>
      <vt:lpstr>DI Sans Office</vt:lpstr>
      <vt:lpstr>arial</vt:lpstr>
      <vt:lpstr>Blank</vt:lpstr>
      <vt:lpstr>Case: Medlemmernes Dag</vt:lpstr>
      <vt:lpstr>Agenda</vt:lpstr>
      <vt:lpstr>Executive summary:</vt:lpstr>
      <vt:lpstr>Anbefaling til at komme tættere på medlemmerne</vt:lpstr>
      <vt:lpstr>Agenda</vt:lpstr>
      <vt:lpstr>Problemer og udfordringer</vt:lpstr>
      <vt:lpstr>et åbent og velstående samfund i vækst og balance</vt:lpstr>
      <vt:lpstr>Hvad  er  DI's udfordringer?</vt:lpstr>
      <vt:lpstr>Agenda</vt:lpstr>
      <vt:lpstr>Udvælgelse af medlemssegment til medlemmernes dag</vt:lpstr>
      <vt:lpstr>Hvordan skal  medlemmerne inddeles til medlemmernes dag?</vt:lpstr>
      <vt:lpstr>Geografis betydning</vt:lpstr>
      <vt:lpstr>Medlemmernes størrelse</vt:lpstr>
      <vt:lpstr>Branchefællesskab og størrelse: Bevarelsesprocent</vt:lpstr>
      <vt:lpstr>Branchefællesskab og størrelse: Brug af ydelser</vt:lpstr>
      <vt:lpstr>Udvælgelse af segmenter</vt:lpstr>
      <vt:lpstr>Agenda</vt:lpstr>
      <vt:lpstr>Analyse af svar på Medlemmernes Dag</vt:lpstr>
      <vt:lpstr>Udgangspunkt for analysen af  Medlemmernes Dag</vt:lpstr>
      <vt:lpstr>Hvor optaget er medlemmerne af COVID-19?</vt:lpstr>
      <vt:lpstr>Hvor optaget er medlemmerne af COVID-19? </vt:lpstr>
      <vt:lpstr>Hvilke udfordringer giver medlemmerne udtryk for? </vt:lpstr>
      <vt:lpstr>Hvilke udfordringer giver medlemmerne udtryk for? </vt:lpstr>
      <vt:lpstr>Hvordan kan DI gøre det endnu bedre medlemsvirksomhederne?</vt:lpstr>
      <vt:lpstr>Hvilken kodningsmetode bidrager mest?</vt:lpstr>
      <vt:lpstr>Anbefalinger pba. analyse</vt:lpstr>
      <vt:lpstr>Agenda</vt:lpstr>
      <vt:lpstr>Medlemmernes dag 2022: indretning og fokus</vt:lpstr>
      <vt:lpstr>Fokus på Medlemmernes Dag</vt:lpstr>
      <vt:lpstr>Forslag til indretning af  Medlemmernes Dag 2022</vt:lpstr>
      <vt:lpstr>Branchefælleskaber og små virksomheder</vt:lpstr>
      <vt:lpstr>Agenda</vt:lpstr>
      <vt:lpstr>Opsummering</vt:lpstr>
      <vt:lpstr>Executive summary:</vt:lpstr>
      <vt:lpstr>Bilag</vt:lpstr>
      <vt:lpstr>Bilag 1: Corona-relaterede ord</vt:lpstr>
    </vt:vector>
  </TitlesOfParts>
  <Company>Dansk Industri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ådan kommer du i gang med Templafy</dc:title>
  <dc:creator>Vivian Vinter</dc:creator>
  <cp:lastModifiedBy>Anders Reinholdt Sindberg</cp:lastModifiedBy>
  <cp:revision>685</cp:revision>
  <dcterms:created xsi:type="dcterms:W3CDTF">2021-07-22T13:03:51Z</dcterms:created>
  <dcterms:modified xsi:type="dcterms:W3CDTF">2021-11-29T20:06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19-12-20T08:46:35.6282428Z</vt:lpwstr>
  </property>
</Properties>
</file>